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-1修正\"/>
    </mc:Choice>
  </mc:AlternateContent>
  <bookViews>
    <workbookView xWindow="0" yWindow="0" windowWidth="19200" windowHeight="8565"/>
  </bookViews>
  <sheets>
    <sheet name="大和センター" sheetId="1" r:id="rId1"/>
  </sheets>
  <definedNames>
    <definedName name="_xlnm.Print_Area" localSheetId="0">大和センター!$A$1:$O$23</definedName>
  </definedNames>
  <calcPr calcId="162913"/>
</workbook>
</file>

<file path=xl/calcChain.xml><?xml version="1.0" encoding="utf-8"?>
<calcChain xmlns="http://schemas.openxmlformats.org/spreadsheetml/2006/main">
  <c r="M23" i="1" l="1"/>
  <c r="M22" i="1"/>
  <c r="M21" i="1"/>
  <c r="M20" i="1"/>
  <c r="M15" i="1"/>
  <c r="M14" i="1"/>
  <c r="M1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60" uniqueCount="134"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南大和病院</t>
  </si>
  <si>
    <t>242-0015</t>
  </si>
  <si>
    <t>046-
269-2411</t>
  </si>
  <si>
    <t>平12． 1</t>
  </si>
  <si>
    <t>242-0021</t>
  </si>
  <si>
    <t>医療法人徳洲会</t>
  </si>
  <si>
    <t>046-
264-1111</t>
  </si>
  <si>
    <t>昭56． 2</t>
  </si>
  <si>
    <t>みどり野リハビリテーション病院</t>
    <rPh sb="3" eb="4">
      <t>ノ</t>
    </rPh>
    <rPh sb="13" eb="15">
      <t>ビョウイン</t>
    </rPh>
    <phoneticPr fontId="2"/>
  </si>
  <si>
    <t>大和市中央林間
２－６－１７</t>
    <rPh sb="0" eb="3">
      <t>ヤマトシ</t>
    </rPh>
    <rPh sb="3" eb="7">
      <t>チュウオウリンカン</t>
    </rPh>
    <phoneticPr fontId="2"/>
  </si>
  <si>
    <t>242-0007</t>
  </si>
  <si>
    <t>木山智</t>
    <rPh sb="2" eb="3">
      <t>トモ</t>
    </rPh>
    <phoneticPr fontId="2"/>
  </si>
  <si>
    <t>046-
275-0110</t>
  </si>
  <si>
    <t>242-0018</t>
  </si>
  <si>
    <t>医療法人正史会</t>
  </si>
  <si>
    <t>046-
261-0161</t>
  </si>
  <si>
    <t>昭46． 1</t>
  </si>
  <si>
    <t>大和市立病院</t>
  </si>
  <si>
    <t>大和市長</t>
    <rPh sb="3" eb="4">
      <t>チョウ</t>
    </rPh>
    <phoneticPr fontId="2"/>
  </si>
  <si>
    <t>046-
260-0111</t>
  </si>
  <si>
    <t>昭43． 2</t>
  </si>
  <si>
    <t>242-0024</t>
  </si>
  <si>
    <t>医療法人社団哺育会</t>
  </si>
  <si>
    <t>046-
269-4111</t>
  </si>
  <si>
    <t>平 9． 1</t>
  </si>
  <si>
    <t>愛育病院</t>
  </si>
  <si>
    <t>242-0006</t>
  </si>
  <si>
    <t>医療法人愛育会</t>
  </si>
  <si>
    <t>産,婦,麻</t>
  </si>
  <si>
    <t>046-
274-0077</t>
  </si>
  <si>
    <t>平12．12</t>
  </si>
  <si>
    <t>医療法人社団公仁会</t>
  </si>
  <si>
    <t>046-
278-3911</t>
  </si>
  <si>
    <t>0467-
77-5111</t>
  </si>
  <si>
    <t>昭58． 4</t>
  </si>
  <si>
    <t>休日急患診療所</t>
  </si>
  <si>
    <t>大和市地域医療センター休日夜間急患診療所</t>
    <rPh sb="13" eb="15">
      <t>ヤカン</t>
    </rPh>
    <phoneticPr fontId="2"/>
  </si>
  <si>
    <t>242-0004</t>
  </si>
  <si>
    <t>内,小</t>
  </si>
  <si>
    <t>平19． 4</t>
    <rPh sb="0" eb="1">
      <t>ヒラ</t>
    </rPh>
    <phoneticPr fontId="2"/>
  </si>
  <si>
    <t>歯</t>
  </si>
  <si>
    <t>046-
263-4107</t>
  </si>
  <si>
    <t>昭54．12</t>
  </si>
  <si>
    <t>0467-
77-5315</t>
  </si>
  <si>
    <t>0467-
79-1818</t>
  </si>
  <si>
    <t>〒</t>
    <phoneticPr fontId="2"/>
  </si>
  <si>
    <t>大和市下和田
１３３１－２</t>
    <phoneticPr fontId="2"/>
  </si>
  <si>
    <t>医療法人徳洲会
大和徳洲会病院</t>
    <phoneticPr fontId="2"/>
  </si>
  <si>
    <t>大和市中央
４－４－１２</t>
    <phoneticPr fontId="2"/>
  </si>
  <si>
    <t>242-0007</t>
    <phoneticPr fontId="2"/>
  </si>
  <si>
    <t>046-
271-1221</t>
    <phoneticPr fontId="2"/>
  </si>
  <si>
    <t>平20． 4</t>
    <phoneticPr fontId="2"/>
  </si>
  <si>
    <t>大和市中央林間
４－１４－１８</t>
    <phoneticPr fontId="2"/>
  </si>
  <si>
    <t>平16． 6</t>
    <phoneticPr fontId="2"/>
  </si>
  <si>
    <t>医療法人正史会
大和病院</t>
    <phoneticPr fontId="2"/>
  </si>
  <si>
    <t>大和市深見西
３－２－３７</t>
    <phoneticPr fontId="2"/>
  </si>
  <si>
    <t>石井一彦</t>
    <phoneticPr fontId="2"/>
  </si>
  <si>
    <t>大和市深見西
８－３－６</t>
    <phoneticPr fontId="2"/>
  </si>
  <si>
    <t>医療法人社団哺育会
桜ヶ丘中央病院</t>
    <phoneticPr fontId="2"/>
  </si>
  <si>
    <t>大和市福田
１－７－１</t>
    <phoneticPr fontId="2"/>
  </si>
  <si>
    <t>島﨑猛</t>
    <phoneticPr fontId="2"/>
  </si>
  <si>
    <t>大和市南林間
２－１４－１３</t>
    <phoneticPr fontId="2"/>
  </si>
  <si>
    <t>大和成和病院</t>
    <phoneticPr fontId="2"/>
  </si>
  <si>
    <t>大和市南林間
９－８－２</t>
    <phoneticPr fontId="2"/>
  </si>
  <si>
    <t>242-0006</t>
    <phoneticPr fontId="2"/>
  </si>
  <si>
    <t>平10．10</t>
    <phoneticPr fontId="2"/>
  </si>
  <si>
    <t>医療法人社団柏綾会
綾瀬厚生病院</t>
    <phoneticPr fontId="2"/>
  </si>
  <si>
    <t>医療法人社団柏綾会</t>
    <phoneticPr fontId="2"/>
  </si>
  <si>
    <t>大和市鶴間
１－２８－５</t>
    <phoneticPr fontId="2"/>
  </si>
  <si>
    <t>046-
263-6800</t>
    <phoneticPr fontId="2"/>
  </si>
  <si>
    <t>大和市深見西
２－１－２５</t>
    <phoneticPr fontId="2"/>
  </si>
  <si>
    <t>252-1107</t>
    <phoneticPr fontId="2"/>
  </si>
  <si>
    <t>一般社団法人座間綾瀬医師会</t>
    <rPh sb="0" eb="2">
      <t>イッパン</t>
    </rPh>
    <phoneticPr fontId="2"/>
  </si>
  <si>
    <t>所在地</t>
  </si>
  <si>
    <t>　〒242-0021</t>
  </si>
  <si>
    <t>　大和市中央1-5-26</t>
  </si>
  <si>
    <t>電話番号</t>
  </si>
  <si>
    <t>　    046(261)2948</t>
    <phoneticPr fontId="2"/>
  </si>
  <si>
    <t>大山治</t>
    <rPh sb="0" eb="2">
      <t>オオヤマ</t>
    </rPh>
    <rPh sb="2" eb="3">
      <t>オサム</t>
    </rPh>
    <phoneticPr fontId="2"/>
  </si>
  <si>
    <t>倉田篤</t>
    <rPh sb="0" eb="2">
      <t>クラタ</t>
    </rPh>
    <rPh sb="2" eb="3">
      <t>アツ</t>
    </rPh>
    <phoneticPr fontId="2"/>
  </si>
  <si>
    <t>242-8602</t>
    <phoneticPr fontId="2"/>
  </si>
  <si>
    <t>厚木保健福祉事務所大和センター</t>
    <rPh sb="0" eb="2">
      <t>アツギ</t>
    </rPh>
    <rPh sb="2" eb="9">
      <t>ホフク</t>
    </rPh>
    <rPh sb="9" eb="11">
      <t>ヤマト</t>
    </rPh>
    <phoneticPr fontId="2"/>
  </si>
  <si>
    <t>医療法人新都市医療研究会「君津」会</t>
    <phoneticPr fontId="2"/>
  </si>
  <si>
    <t>社会医療法人三栄会</t>
    <rPh sb="0" eb="2">
      <t>シャカイ</t>
    </rPh>
    <phoneticPr fontId="2"/>
  </si>
  <si>
    <t>循内,外,心血,リハ,放,麻,整</t>
    <rPh sb="1" eb="2">
      <t>ナイ</t>
    </rPh>
    <rPh sb="6" eb="7">
      <t>チ</t>
    </rPh>
    <rPh sb="11" eb="12">
      <t>ホウ</t>
    </rPh>
    <rPh sb="15" eb="16">
      <t>ヒトシ</t>
    </rPh>
    <phoneticPr fontId="2"/>
  </si>
  <si>
    <t>精</t>
    <phoneticPr fontId="2"/>
  </si>
  <si>
    <t>内,小,リ,外,整,脳外,形,産,婦,眼,皮,泌,リハ,麻</t>
    <rPh sb="15" eb="16">
      <t>サン</t>
    </rPh>
    <rPh sb="28" eb="29">
      <t>アサ</t>
    </rPh>
    <phoneticPr fontId="2"/>
  </si>
  <si>
    <t>茅野修史</t>
    <rPh sb="0" eb="2">
      <t>チノ</t>
    </rPh>
    <rPh sb="2" eb="4">
      <t>シュウジ</t>
    </rPh>
    <phoneticPr fontId="2"/>
  </si>
  <si>
    <t>岡田恭芳</t>
    <rPh sb="0" eb="2">
      <t>オカダ</t>
    </rPh>
    <rPh sb="2" eb="3">
      <t>キョウ</t>
    </rPh>
    <rPh sb="3" eb="4">
      <t>ヨシ</t>
    </rPh>
    <phoneticPr fontId="2"/>
  </si>
  <si>
    <t>綾瀬市深谷中
４－７－１０</t>
    <rPh sb="5" eb="6">
      <t>ナカ</t>
    </rPh>
    <phoneticPr fontId="2"/>
  </si>
  <si>
    <t>綾瀬市深谷中
４－７－１０綾瀬市保健福祉プラザ内</t>
    <rPh sb="5" eb="6">
      <t>ナカ</t>
    </rPh>
    <rPh sb="13" eb="16">
      <t>アヤセシ</t>
    </rPh>
    <rPh sb="16" eb="18">
      <t>ホケン</t>
    </rPh>
    <rPh sb="18" eb="20">
      <t>フクシ</t>
    </rPh>
    <rPh sb="23" eb="24">
      <t>ナイ</t>
    </rPh>
    <phoneticPr fontId="2"/>
  </si>
  <si>
    <t>平29．10</t>
    <rPh sb="0" eb="1">
      <t>タイラ</t>
    </rPh>
    <phoneticPr fontId="2"/>
  </si>
  <si>
    <t>森基孫</t>
    <rPh sb="0" eb="1">
      <t>モリ</t>
    </rPh>
    <rPh sb="1" eb="2">
      <t>コモリ</t>
    </rPh>
    <phoneticPr fontId="2"/>
  </si>
  <si>
    <t>岡本裕一</t>
    <rPh sb="0" eb="2">
      <t>オカモト</t>
    </rPh>
    <rPh sb="2" eb="4">
      <t>ユウイチ</t>
    </rPh>
    <phoneticPr fontId="2"/>
  </si>
  <si>
    <t>石代欣一郎</t>
    <rPh sb="1" eb="2">
      <t>ダイ</t>
    </rPh>
    <rPh sb="2" eb="5">
      <t>キンイチロウ</t>
    </rPh>
    <phoneticPr fontId="2"/>
  </si>
  <si>
    <t>一般社団法人大和綾瀬歯科医師会</t>
    <rPh sb="0" eb="2">
      <t>イッパン</t>
    </rPh>
    <rPh sb="8" eb="10">
      <t>アヤセ</t>
    </rPh>
    <phoneticPr fontId="2"/>
  </si>
  <si>
    <t>綾瀬市深谷中
１-４-１６</t>
    <rPh sb="5" eb="6">
      <t>ナカ</t>
    </rPh>
    <phoneticPr fontId="2"/>
  </si>
  <si>
    <t>井上和人</t>
    <rPh sb="0" eb="2">
      <t>イノウエ</t>
    </rPh>
    <rPh sb="2" eb="4">
      <t>カズヒト</t>
    </rPh>
    <phoneticPr fontId="2"/>
  </si>
  <si>
    <t>内,呼内,消内,循内,呼外,糖内,腎内,神内,透内,ア,リ,外,血外,消外,乳外,肛外,整,形,脳外,耳咽,泌,リハ,眼,放,麻,心血,皮</t>
    <rPh sb="3" eb="4">
      <t>ナイ</t>
    </rPh>
    <rPh sb="6" eb="7">
      <t>ナイ</t>
    </rPh>
    <rPh sb="9" eb="10">
      <t>ナイ</t>
    </rPh>
    <rPh sb="11" eb="12">
      <t>コ</t>
    </rPh>
    <rPh sb="12" eb="13">
      <t>ガイ</t>
    </rPh>
    <rPh sb="14" eb="15">
      <t>トウ</t>
    </rPh>
    <rPh sb="15" eb="16">
      <t>ナイ</t>
    </rPh>
    <rPh sb="17" eb="18">
      <t>ジン</t>
    </rPh>
    <rPh sb="18" eb="19">
      <t>ナイ</t>
    </rPh>
    <rPh sb="20" eb="21">
      <t>カミ</t>
    </rPh>
    <rPh sb="21" eb="22">
      <t>ナイ</t>
    </rPh>
    <rPh sb="23" eb="24">
      <t>トウ</t>
    </rPh>
    <rPh sb="24" eb="25">
      <t>ナイ</t>
    </rPh>
    <rPh sb="32" eb="33">
      <t>ケツ</t>
    </rPh>
    <rPh sb="33" eb="34">
      <t>ガイ</t>
    </rPh>
    <rPh sb="35" eb="36">
      <t>ショウ</t>
    </rPh>
    <rPh sb="36" eb="37">
      <t>ガイ</t>
    </rPh>
    <rPh sb="38" eb="39">
      <t>ニュウ</t>
    </rPh>
    <rPh sb="39" eb="40">
      <t>ガイ</t>
    </rPh>
    <rPh sb="41" eb="42">
      <t>コウ</t>
    </rPh>
    <rPh sb="42" eb="43">
      <t>ガイ</t>
    </rPh>
    <rPh sb="44" eb="45">
      <t>タダシ</t>
    </rPh>
    <rPh sb="61" eb="62">
      <t>ホウ</t>
    </rPh>
    <rPh sb="63" eb="64">
      <t>アサ</t>
    </rPh>
    <rPh sb="65" eb="67">
      <t>シンケツ</t>
    </rPh>
    <rPh sb="68" eb="69">
      <t>カワ</t>
    </rPh>
    <phoneticPr fontId="2"/>
  </si>
  <si>
    <t>救急病院　(R3.4.18）</t>
    <rPh sb="0" eb="2">
      <t>キュウキュウ</t>
    </rPh>
    <phoneticPr fontId="2"/>
  </si>
  <si>
    <t>252-1107</t>
    <phoneticPr fontId="2"/>
  </si>
  <si>
    <t>社会医療法人三栄会
中央林間病院</t>
    <rPh sb="0" eb="2">
      <t>シャカイ</t>
    </rPh>
    <rPh sb="2" eb="4">
      <t>イリョウ</t>
    </rPh>
    <rPh sb="4" eb="6">
      <t>ホウジン</t>
    </rPh>
    <phoneticPr fontId="2"/>
  </si>
  <si>
    <t>リハ</t>
    <phoneticPr fontId="2"/>
  </si>
  <si>
    <t>横田隆夫</t>
    <rPh sb="0" eb="2">
      <t>ヨコタ</t>
    </rPh>
    <rPh sb="2" eb="4">
      <t>タカオ</t>
    </rPh>
    <phoneticPr fontId="2"/>
  </si>
  <si>
    <t>救急病院
(R3.9.21)
病院機能評価認定</t>
    <rPh sb="0" eb="2">
      <t>キュウキュウ</t>
    </rPh>
    <rPh sb="2" eb="4">
      <t>ビョウイン</t>
    </rPh>
    <phoneticPr fontId="2"/>
  </si>
  <si>
    <t>内,呼内,消内,血腫内,循内,糖内内,腎内,小,精,外,整,形,脳外,心血,産婦,眼,耳咽,皮,泌,リハ,放,呼外,乳外,病診,麻,歯口,消外,精神腫瘍科,脳神内,放診,放治,リ膠原</t>
    <rPh sb="3" eb="4">
      <t>ナイ</t>
    </rPh>
    <rPh sb="6" eb="7">
      <t>ナイ</t>
    </rPh>
    <rPh sb="8" eb="9">
      <t>チ</t>
    </rPh>
    <rPh sb="9" eb="10">
      <t>シュ</t>
    </rPh>
    <rPh sb="10" eb="11">
      <t>ナイ</t>
    </rPh>
    <rPh sb="13" eb="14">
      <t>ナイ</t>
    </rPh>
    <rPh sb="15" eb="17">
      <t>トウナイ</t>
    </rPh>
    <rPh sb="17" eb="18">
      <t>ナイ</t>
    </rPh>
    <rPh sb="19" eb="20">
      <t>ジン</t>
    </rPh>
    <rPh sb="20" eb="21">
      <t>ナイ</t>
    </rPh>
    <rPh sb="22" eb="23">
      <t>ショウ</t>
    </rPh>
    <rPh sb="30" eb="31">
      <t>カタチ</t>
    </rPh>
    <rPh sb="36" eb="37">
      <t>チ</t>
    </rPh>
    <rPh sb="55" eb="57">
      <t>コガイ</t>
    </rPh>
    <rPh sb="58" eb="59">
      <t>ニュウ</t>
    </rPh>
    <rPh sb="59" eb="60">
      <t>ガイ</t>
    </rPh>
    <rPh sb="61" eb="62">
      <t>ビョウ</t>
    </rPh>
    <rPh sb="62" eb="63">
      <t>ミ</t>
    </rPh>
    <rPh sb="66" eb="67">
      <t>ハ</t>
    </rPh>
    <rPh sb="67" eb="68">
      <t>クチ</t>
    </rPh>
    <rPh sb="69" eb="71">
      <t>ショウゲ</t>
    </rPh>
    <rPh sb="72" eb="74">
      <t>セイシン</t>
    </rPh>
    <rPh sb="74" eb="76">
      <t>シュヨウ</t>
    </rPh>
    <rPh sb="76" eb="77">
      <t>カ</t>
    </rPh>
    <rPh sb="78" eb="79">
      <t>ノウ</t>
    </rPh>
    <rPh sb="79" eb="80">
      <t>カミ</t>
    </rPh>
    <rPh sb="80" eb="81">
      <t>ナイ</t>
    </rPh>
    <rPh sb="82" eb="83">
      <t>ホウ</t>
    </rPh>
    <rPh sb="83" eb="84">
      <t>シン</t>
    </rPh>
    <rPh sb="85" eb="87">
      <t>ホウチ</t>
    </rPh>
    <rPh sb="89" eb="91">
      <t>コウゲン</t>
    </rPh>
    <phoneticPr fontId="2"/>
  </si>
  <si>
    <t>内,消外,循内,小,神内,外,整,脳外,眼,皮,リハ,放,麻,脊外,脳神内</t>
    <rPh sb="3" eb="4">
      <t>ガイ</t>
    </rPh>
    <rPh sb="6" eb="7">
      <t>ナイ</t>
    </rPh>
    <rPh sb="10" eb="12">
      <t>コウナイ</t>
    </rPh>
    <rPh sb="27" eb="28">
      <t>ホウ</t>
    </rPh>
    <rPh sb="31" eb="32">
      <t>セ</t>
    </rPh>
    <rPh sb="32" eb="33">
      <t>ソト</t>
    </rPh>
    <rPh sb="34" eb="35">
      <t>ノウ</t>
    </rPh>
    <rPh sb="35" eb="37">
      <t>カミウチ</t>
    </rPh>
    <phoneticPr fontId="2"/>
  </si>
  <si>
    <t>一般社団法人大和綾瀬歯科医師会
大和休日歯科診療所</t>
    <rPh sb="0" eb="2">
      <t>イッパン</t>
    </rPh>
    <rPh sb="8" eb="10">
      <t>アヤセ</t>
    </rPh>
    <phoneticPr fontId="2"/>
  </si>
  <si>
    <t>一般社団法人座間綾瀬医師会
綾瀬休日診療所</t>
    <rPh sb="0" eb="2">
      <t>イッパン</t>
    </rPh>
    <phoneticPr fontId="2"/>
  </si>
  <si>
    <t>一般社団法人大和綾瀬歯科医師会
綾瀬休日歯科診療所</t>
    <rPh sb="0" eb="2">
      <t>イッパン</t>
    </rPh>
    <rPh sb="2" eb="4">
      <t>シャダン</t>
    </rPh>
    <rPh sb="4" eb="6">
      <t>ホウジン</t>
    </rPh>
    <rPh sb="6" eb="8">
      <t>ダイワ</t>
    </rPh>
    <rPh sb="8" eb="10">
      <t>アヤセ</t>
    </rPh>
    <phoneticPr fontId="2"/>
  </si>
  <si>
    <t>内,呼内,消内,循内,糖代内,腎内,透内,神内,外,消外,肛外,整,脳外,皮,泌,リハ,放,麻,胸外,精</t>
    <rPh sb="3" eb="4">
      <t>ナイ</t>
    </rPh>
    <rPh sb="6" eb="7">
      <t>ナイ</t>
    </rPh>
    <rPh sb="9" eb="10">
      <t>ナイ</t>
    </rPh>
    <rPh sb="11" eb="12">
      <t>トウ</t>
    </rPh>
    <rPh sb="12" eb="13">
      <t>ダイ</t>
    </rPh>
    <rPh sb="13" eb="14">
      <t>ナイ</t>
    </rPh>
    <rPh sb="15" eb="16">
      <t>ジン</t>
    </rPh>
    <rPh sb="16" eb="17">
      <t>ナイ</t>
    </rPh>
    <rPh sb="21" eb="23">
      <t>コウナイ</t>
    </rPh>
    <rPh sb="24" eb="25">
      <t>ガイ</t>
    </rPh>
    <rPh sb="26" eb="27">
      <t>ケ</t>
    </rPh>
    <rPh sb="27" eb="28">
      <t>ゲ</t>
    </rPh>
    <rPh sb="29" eb="30">
      <t>コウ</t>
    </rPh>
    <rPh sb="30" eb="31">
      <t>ガイ</t>
    </rPh>
    <rPh sb="46" eb="47">
      <t>アサ</t>
    </rPh>
    <rPh sb="48" eb="49">
      <t>ムネ</t>
    </rPh>
    <rPh sb="49" eb="50">
      <t>ソト</t>
    </rPh>
    <phoneticPr fontId="2"/>
  </si>
  <si>
    <t>石川雅彦</t>
    <rPh sb="0" eb="4">
      <t>イシカワマサヒコ</t>
    </rPh>
    <phoneticPr fontId="2"/>
  </si>
  <si>
    <t>内,循内,小,消内,糖内,腎内,リ,外,乳外,整,脳外,形,皮,泌,リハ,病診,救,呼内,呼外,心血,消外,麻,放,神内,眼,耳咽</t>
    <rPh sb="3" eb="4">
      <t>ナイ</t>
    </rPh>
    <rPh sb="7" eb="8">
      <t>ショウ</t>
    </rPh>
    <rPh sb="8" eb="9">
      <t>ナイ</t>
    </rPh>
    <rPh sb="10" eb="11">
      <t>トウ</t>
    </rPh>
    <rPh sb="11" eb="12">
      <t>ナイ</t>
    </rPh>
    <rPh sb="13" eb="15">
      <t>ジンナイ</t>
    </rPh>
    <rPh sb="18" eb="19">
      <t>ソト</t>
    </rPh>
    <rPh sb="20" eb="21">
      <t>ニュウ</t>
    </rPh>
    <rPh sb="21" eb="22">
      <t>ソト</t>
    </rPh>
    <rPh sb="23" eb="24">
      <t>セイ</t>
    </rPh>
    <rPh sb="25" eb="26">
      <t>ノウ</t>
    </rPh>
    <rPh sb="26" eb="27">
      <t>ソト</t>
    </rPh>
    <rPh sb="28" eb="29">
      <t>カタチ</t>
    </rPh>
    <rPh sb="30" eb="31">
      <t>カワ</t>
    </rPh>
    <rPh sb="32" eb="33">
      <t>ヒツ</t>
    </rPh>
    <rPh sb="37" eb="38">
      <t>ビョウ</t>
    </rPh>
    <rPh sb="40" eb="41">
      <t>キュウ</t>
    </rPh>
    <rPh sb="42" eb="44">
      <t>コナイ</t>
    </rPh>
    <rPh sb="45" eb="46">
      <t>コ</t>
    </rPh>
    <rPh sb="46" eb="47">
      <t>ソト</t>
    </rPh>
    <rPh sb="48" eb="49">
      <t>ココロ</t>
    </rPh>
    <rPh sb="49" eb="50">
      <t>チ</t>
    </rPh>
    <rPh sb="51" eb="53">
      <t>ショウゲ</t>
    </rPh>
    <rPh sb="54" eb="55">
      <t>アサ</t>
    </rPh>
    <rPh sb="56" eb="57">
      <t>ホウ</t>
    </rPh>
    <rPh sb="58" eb="59">
      <t>カミ</t>
    </rPh>
    <rPh sb="59" eb="60">
      <t>ナイ</t>
    </rPh>
    <rPh sb="61" eb="62">
      <t>メ</t>
    </rPh>
    <rPh sb="63" eb="64">
      <t>ミミ</t>
    </rPh>
    <rPh sb="64" eb="65">
      <t>ノド</t>
    </rPh>
    <phoneticPr fontId="2"/>
  </si>
  <si>
    <t>医療法人社団銀緑会</t>
    <rPh sb="0" eb="2">
      <t>イリョウ</t>
    </rPh>
    <rPh sb="2" eb="4">
      <t>ホウジン</t>
    </rPh>
    <rPh sb="4" eb="6">
      <t>シャダン</t>
    </rPh>
    <rPh sb="6" eb="7">
      <t>ギン</t>
    </rPh>
    <rPh sb="7" eb="8">
      <t>ミドリ</t>
    </rPh>
    <rPh sb="8" eb="9">
      <t>カイ</t>
    </rPh>
    <phoneticPr fontId="2"/>
  </si>
  <si>
    <t>柴垣博一</t>
    <rPh sb="0" eb="2">
      <t>シバガキ</t>
    </rPh>
    <rPh sb="2" eb="4">
      <t>ヒロカズ</t>
    </rPh>
    <phoneticPr fontId="2"/>
  </si>
  <si>
    <t>救急病院　(R5.2.1）</t>
    <phoneticPr fontId="2"/>
  </si>
  <si>
    <t>救急病院　(R5.2.1）
地域医療支援病院</t>
    <rPh sb="14" eb="16">
      <t>チイキ</t>
    </rPh>
    <rPh sb="16" eb="18">
      <t>イリョウ</t>
    </rPh>
    <rPh sb="18" eb="20">
      <t>シエン</t>
    </rPh>
    <rPh sb="20" eb="22">
      <t>ビョウイン</t>
    </rPh>
    <phoneticPr fontId="2"/>
  </si>
  <si>
    <t>救急病院　(R4.8.30）
病院機能評価認定</t>
    <rPh sb="15" eb="17">
      <t>ビョウイン</t>
    </rPh>
    <rPh sb="17" eb="19">
      <t>キノウ</t>
    </rPh>
    <rPh sb="19" eb="21">
      <t>ヒョウカ</t>
    </rPh>
    <rPh sb="21" eb="23">
      <t>ニンテ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57">
    <xf numFmtId="0" fontId="0" fillId="0" borderId="0" xfId="0">
      <alignment vertical="center"/>
    </xf>
    <xf numFmtId="0" fontId="3" fillId="0" borderId="3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vertical="center"/>
    </xf>
    <xf numFmtId="0" fontId="5" fillId="0" borderId="19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5" fillId="0" borderId="4" xfId="0" applyFont="1" applyFill="1" applyBorder="1">
      <alignment vertical="center"/>
    </xf>
    <xf numFmtId="0" fontId="5" fillId="0" borderId="5" xfId="0" applyFont="1" applyFill="1" applyBorder="1">
      <alignment vertical="center"/>
    </xf>
    <xf numFmtId="0" fontId="5" fillId="0" borderId="7" xfId="0" applyFont="1" applyFill="1" applyBorder="1" applyAlignment="1">
      <alignment horizontal="center" vertical="center"/>
    </xf>
    <xf numFmtId="0" fontId="5" fillId="0" borderId="8" xfId="0" applyFont="1" applyFill="1" applyBorder="1">
      <alignment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 shrinkToFit="1"/>
    </xf>
    <xf numFmtId="0" fontId="5" fillId="0" borderId="12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 wrapText="1"/>
    </xf>
    <xf numFmtId="0" fontId="5" fillId="0" borderId="4" xfId="0" applyFont="1" applyFill="1" applyBorder="1" applyAlignment="1">
      <alignment horizontal="left" vertical="center" wrapText="1"/>
    </xf>
    <xf numFmtId="0" fontId="5" fillId="0" borderId="4" xfId="0" applyFont="1" applyFill="1" applyBorder="1" applyAlignment="1">
      <alignment horizontal="center" vertical="center" wrapText="1"/>
    </xf>
    <xf numFmtId="0" fontId="5" fillId="0" borderId="4" xfId="0" applyFont="1" applyFill="1" applyBorder="1" applyAlignment="1">
      <alignment horizontal="right" vertical="center"/>
    </xf>
    <xf numFmtId="0" fontId="5" fillId="0" borderId="12" xfId="0" applyFont="1" applyFill="1" applyBorder="1" applyAlignment="1">
      <alignment horizontal="right" vertical="center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center" vertical="center" wrapText="1"/>
    </xf>
    <xf numFmtId="0" fontId="5" fillId="0" borderId="7" xfId="0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4" xfId="0" applyFont="1" applyFill="1" applyBorder="1" applyAlignment="1">
      <alignment horizontal="center" vertical="center"/>
    </xf>
    <xf numFmtId="0" fontId="1" fillId="0" borderId="20" xfId="0" applyFont="1" applyFill="1" applyBorder="1" applyAlignment="1">
      <alignment horizontal="center" vertical="center" justifyLastLine="1" shrinkToFit="1"/>
    </xf>
    <xf numFmtId="0" fontId="1" fillId="0" borderId="21" xfId="0" applyFont="1" applyFill="1" applyBorder="1" applyAlignment="1">
      <alignment horizontal="center" vertical="center" justifyLastLine="1" shrinkToFit="1"/>
    </xf>
    <xf numFmtId="0" fontId="1" fillId="0" borderId="22" xfId="0" applyFont="1" applyFill="1" applyBorder="1" applyAlignment="1">
      <alignment horizontal="center" vertical="center" justifyLastLine="1" shrinkToFit="1"/>
    </xf>
    <xf numFmtId="0" fontId="1" fillId="0" borderId="23" xfId="0" applyFont="1" applyFill="1" applyBorder="1" applyAlignment="1">
      <alignment horizontal="center" vertical="center" justifyLastLine="1" shrinkToFit="1"/>
    </xf>
    <xf numFmtId="0" fontId="1" fillId="0" borderId="0" xfId="0" applyFont="1" applyFill="1" applyBorder="1" applyAlignment="1">
      <alignment horizontal="center" vertical="center" justifyLastLine="1" shrinkToFit="1"/>
    </xf>
    <xf numFmtId="0" fontId="1" fillId="0" borderId="18" xfId="0" applyFont="1" applyFill="1" applyBorder="1" applyAlignment="1">
      <alignment horizontal="center" vertical="center" justifyLastLine="1" shrinkToFit="1"/>
    </xf>
    <xf numFmtId="0" fontId="1" fillId="0" borderId="24" xfId="0" applyFont="1" applyFill="1" applyBorder="1" applyAlignment="1">
      <alignment horizontal="center" vertical="center" justifyLastLine="1" shrinkToFit="1"/>
    </xf>
    <xf numFmtId="0" fontId="1" fillId="0" borderId="25" xfId="0" applyFont="1" applyFill="1" applyBorder="1" applyAlignment="1">
      <alignment horizontal="center" vertical="center" justifyLastLine="1" shrinkToFit="1"/>
    </xf>
    <xf numFmtId="0" fontId="1" fillId="0" borderId="26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4"/>
  <sheetViews>
    <sheetView tabSelected="1" view="pageBreakPreview" zoomScaleNormal="100" zoomScaleSheetLayoutView="100" workbookViewId="0">
      <selection activeCell="I9" sqref="I9"/>
    </sheetView>
  </sheetViews>
  <sheetFormatPr defaultRowHeight="11.25" x14ac:dyDescent="0.15"/>
  <cols>
    <col min="1" max="1" width="17.625" style="4" customWidth="1"/>
    <col min="2" max="2" width="16.75" style="4" customWidth="1"/>
    <col min="3" max="3" width="5.125" style="4" bestFit="1" customWidth="1"/>
    <col min="4" max="4" width="18" style="4" bestFit="1" customWidth="1"/>
    <col min="5" max="5" width="9.5" style="4" customWidth="1"/>
    <col min="6" max="6" width="18.625" style="4" customWidth="1"/>
    <col min="7" max="7" width="7.375" style="4" customWidth="1"/>
    <col min="8" max="8" width="4.5" style="4" bestFit="1" customWidth="1"/>
    <col min="9" max="11" width="4.25" style="4" bestFit="1" customWidth="1"/>
    <col min="12" max="12" width="4.25" style="4" customWidth="1"/>
    <col min="13" max="13" width="4.375" style="4" bestFit="1" customWidth="1"/>
    <col min="14" max="14" width="7.625" style="4" customWidth="1"/>
    <col min="15" max="15" width="14.75" style="4" customWidth="1"/>
    <col min="16" max="256" width="9" style="4"/>
    <col min="257" max="258" width="15.875" style="4" bestFit="1" customWidth="1"/>
    <col min="259" max="259" width="4" style="4" customWidth="1"/>
    <col min="260" max="260" width="14.25" style="4" bestFit="1" customWidth="1"/>
    <col min="261" max="261" width="8.375" style="4" bestFit="1" customWidth="1"/>
    <col min="262" max="262" width="18.125" style="4" customWidth="1"/>
    <col min="263" max="263" width="7.375" style="4" customWidth="1"/>
    <col min="264" max="267" width="4.25" style="4" bestFit="1" customWidth="1"/>
    <col min="268" max="268" width="4.25" style="4" customWidth="1"/>
    <col min="269" max="269" width="4.375" style="4" bestFit="1" customWidth="1"/>
    <col min="270" max="270" width="7.25" style="4" bestFit="1" customWidth="1"/>
    <col min="271" max="271" width="13.625" style="4" customWidth="1"/>
    <col min="272" max="512" width="9" style="4"/>
    <col min="513" max="514" width="15.875" style="4" bestFit="1" customWidth="1"/>
    <col min="515" max="515" width="4" style="4" customWidth="1"/>
    <col min="516" max="516" width="14.25" style="4" bestFit="1" customWidth="1"/>
    <col min="517" max="517" width="8.375" style="4" bestFit="1" customWidth="1"/>
    <col min="518" max="518" width="18.125" style="4" customWidth="1"/>
    <col min="519" max="519" width="7.375" style="4" customWidth="1"/>
    <col min="520" max="523" width="4.25" style="4" bestFit="1" customWidth="1"/>
    <col min="524" max="524" width="4.25" style="4" customWidth="1"/>
    <col min="525" max="525" width="4.375" style="4" bestFit="1" customWidth="1"/>
    <col min="526" max="526" width="7.25" style="4" bestFit="1" customWidth="1"/>
    <col min="527" max="527" width="13.625" style="4" customWidth="1"/>
    <col min="528" max="768" width="9" style="4"/>
    <col min="769" max="770" width="15.875" style="4" bestFit="1" customWidth="1"/>
    <col min="771" max="771" width="4" style="4" customWidth="1"/>
    <col min="772" max="772" width="14.25" style="4" bestFit="1" customWidth="1"/>
    <col min="773" max="773" width="8.375" style="4" bestFit="1" customWidth="1"/>
    <col min="774" max="774" width="18.125" style="4" customWidth="1"/>
    <col min="775" max="775" width="7.375" style="4" customWidth="1"/>
    <col min="776" max="779" width="4.25" style="4" bestFit="1" customWidth="1"/>
    <col min="780" max="780" width="4.25" style="4" customWidth="1"/>
    <col min="781" max="781" width="4.375" style="4" bestFit="1" customWidth="1"/>
    <col min="782" max="782" width="7.25" style="4" bestFit="1" customWidth="1"/>
    <col min="783" max="783" width="13.625" style="4" customWidth="1"/>
    <col min="784" max="1024" width="9" style="4"/>
    <col min="1025" max="1026" width="15.875" style="4" bestFit="1" customWidth="1"/>
    <col min="1027" max="1027" width="4" style="4" customWidth="1"/>
    <col min="1028" max="1028" width="14.25" style="4" bestFit="1" customWidth="1"/>
    <col min="1029" max="1029" width="8.375" style="4" bestFit="1" customWidth="1"/>
    <col min="1030" max="1030" width="18.125" style="4" customWidth="1"/>
    <col min="1031" max="1031" width="7.375" style="4" customWidth="1"/>
    <col min="1032" max="1035" width="4.25" style="4" bestFit="1" customWidth="1"/>
    <col min="1036" max="1036" width="4.25" style="4" customWidth="1"/>
    <col min="1037" max="1037" width="4.375" style="4" bestFit="1" customWidth="1"/>
    <col min="1038" max="1038" width="7.25" style="4" bestFit="1" customWidth="1"/>
    <col min="1039" max="1039" width="13.625" style="4" customWidth="1"/>
    <col min="1040" max="1280" width="9" style="4"/>
    <col min="1281" max="1282" width="15.875" style="4" bestFit="1" customWidth="1"/>
    <col min="1283" max="1283" width="4" style="4" customWidth="1"/>
    <col min="1284" max="1284" width="14.25" style="4" bestFit="1" customWidth="1"/>
    <col min="1285" max="1285" width="8.375" style="4" bestFit="1" customWidth="1"/>
    <col min="1286" max="1286" width="18.125" style="4" customWidth="1"/>
    <col min="1287" max="1287" width="7.375" style="4" customWidth="1"/>
    <col min="1288" max="1291" width="4.25" style="4" bestFit="1" customWidth="1"/>
    <col min="1292" max="1292" width="4.25" style="4" customWidth="1"/>
    <col min="1293" max="1293" width="4.375" style="4" bestFit="1" customWidth="1"/>
    <col min="1294" max="1294" width="7.25" style="4" bestFit="1" customWidth="1"/>
    <col min="1295" max="1295" width="13.625" style="4" customWidth="1"/>
    <col min="1296" max="1536" width="9" style="4"/>
    <col min="1537" max="1538" width="15.875" style="4" bestFit="1" customWidth="1"/>
    <col min="1539" max="1539" width="4" style="4" customWidth="1"/>
    <col min="1540" max="1540" width="14.25" style="4" bestFit="1" customWidth="1"/>
    <col min="1541" max="1541" width="8.375" style="4" bestFit="1" customWidth="1"/>
    <col min="1542" max="1542" width="18.125" style="4" customWidth="1"/>
    <col min="1543" max="1543" width="7.375" style="4" customWidth="1"/>
    <col min="1544" max="1547" width="4.25" style="4" bestFit="1" customWidth="1"/>
    <col min="1548" max="1548" width="4.25" style="4" customWidth="1"/>
    <col min="1549" max="1549" width="4.375" style="4" bestFit="1" customWidth="1"/>
    <col min="1550" max="1550" width="7.25" style="4" bestFit="1" customWidth="1"/>
    <col min="1551" max="1551" width="13.625" style="4" customWidth="1"/>
    <col min="1552" max="1792" width="9" style="4"/>
    <col min="1793" max="1794" width="15.875" style="4" bestFit="1" customWidth="1"/>
    <col min="1795" max="1795" width="4" style="4" customWidth="1"/>
    <col min="1796" max="1796" width="14.25" style="4" bestFit="1" customWidth="1"/>
    <col min="1797" max="1797" width="8.375" style="4" bestFit="1" customWidth="1"/>
    <col min="1798" max="1798" width="18.125" style="4" customWidth="1"/>
    <col min="1799" max="1799" width="7.375" style="4" customWidth="1"/>
    <col min="1800" max="1803" width="4.25" style="4" bestFit="1" customWidth="1"/>
    <col min="1804" max="1804" width="4.25" style="4" customWidth="1"/>
    <col min="1805" max="1805" width="4.375" style="4" bestFit="1" customWidth="1"/>
    <col min="1806" max="1806" width="7.25" style="4" bestFit="1" customWidth="1"/>
    <col min="1807" max="1807" width="13.625" style="4" customWidth="1"/>
    <col min="1808" max="2048" width="9" style="4"/>
    <col min="2049" max="2050" width="15.875" style="4" bestFit="1" customWidth="1"/>
    <col min="2051" max="2051" width="4" style="4" customWidth="1"/>
    <col min="2052" max="2052" width="14.25" style="4" bestFit="1" customWidth="1"/>
    <col min="2053" max="2053" width="8.375" style="4" bestFit="1" customWidth="1"/>
    <col min="2054" max="2054" width="18.125" style="4" customWidth="1"/>
    <col min="2055" max="2055" width="7.375" style="4" customWidth="1"/>
    <col min="2056" max="2059" width="4.25" style="4" bestFit="1" customWidth="1"/>
    <col min="2060" max="2060" width="4.25" style="4" customWidth="1"/>
    <col min="2061" max="2061" width="4.375" style="4" bestFit="1" customWidth="1"/>
    <col min="2062" max="2062" width="7.25" style="4" bestFit="1" customWidth="1"/>
    <col min="2063" max="2063" width="13.625" style="4" customWidth="1"/>
    <col min="2064" max="2304" width="9" style="4"/>
    <col min="2305" max="2306" width="15.875" style="4" bestFit="1" customWidth="1"/>
    <col min="2307" max="2307" width="4" style="4" customWidth="1"/>
    <col min="2308" max="2308" width="14.25" style="4" bestFit="1" customWidth="1"/>
    <col min="2309" max="2309" width="8.375" style="4" bestFit="1" customWidth="1"/>
    <col min="2310" max="2310" width="18.125" style="4" customWidth="1"/>
    <col min="2311" max="2311" width="7.375" style="4" customWidth="1"/>
    <col min="2312" max="2315" width="4.25" style="4" bestFit="1" customWidth="1"/>
    <col min="2316" max="2316" width="4.25" style="4" customWidth="1"/>
    <col min="2317" max="2317" width="4.375" style="4" bestFit="1" customWidth="1"/>
    <col min="2318" max="2318" width="7.25" style="4" bestFit="1" customWidth="1"/>
    <col min="2319" max="2319" width="13.625" style="4" customWidth="1"/>
    <col min="2320" max="2560" width="9" style="4"/>
    <col min="2561" max="2562" width="15.875" style="4" bestFit="1" customWidth="1"/>
    <col min="2563" max="2563" width="4" style="4" customWidth="1"/>
    <col min="2564" max="2564" width="14.25" style="4" bestFit="1" customWidth="1"/>
    <col min="2565" max="2565" width="8.375" style="4" bestFit="1" customWidth="1"/>
    <col min="2566" max="2566" width="18.125" style="4" customWidth="1"/>
    <col min="2567" max="2567" width="7.375" style="4" customWidth="1"/>
    <col min="2568" max="2571" width="4.25" style="4" bestFit="1" customWidth="1"/>
    <col min="2572" max="2572" width="4.25" style="4" customWidth="1"/>
    <col min="2573" max="2573" width="4.375" style="4" bestFit="1" customWidth="1"/>
    <col min="2574" max="2574" width="7.25" style="4" bestFit="1" customWidth="1"/>
    <col min="2575" max="2575" width="13.625" style="4" customWidth="1"/>
    <col min="2576" max="2816" width="9" style="4"/>
    <col min="2817" max="2818" width="15.875" style="4" bestFit="1" customWidth="1"/>
    <col min="2819" max="2819" width="4" style="4" customWidth="1"/>
    <col min="2820" max="2820" width="14.25" style="4" bestFit="1" customWidth="1"/>
    <col min="2821" max="2821" width="8.375" style="4" bestFit="1" customWidth="1"/>
    <col min="2822" max="2822" width="18.125" style="4" customWidth="1"/>
    <col min="2823" max="2823" width="7.375" style="4" customWidth="1"/>
    <col min="2824" max="2827" width="4.25" style="4" bestFit="1" customWidth="1"/>
    <col min="2828" max="2828" width="4.25" style="4" customWidth="1"/>
    <col min="2829" max="2829" width="4.375" style="4" bestFit="1" customWidth="1"/>
    <col min="2830" max="2830" width="7.25" style="4" bestFit="1" customWidth="1"/>
    <col min="2831" max="2831" width="13.625" style="4" customWidth="1"/>
    <col min="2832" max="3072" width="9" style="4"/>
    <col min="3073" max="3074" width="15.875" style="4" bestFit="1" customWidth="1"/>
    <col min="3075" max="3075" width="4" style="4" customWidth="1"/>
    <col min="3076" max="3076" width="14.25" style="4" bestFit="1" customWidth="1"/>
    <col min="3077" max="3077" width="8.375" style="4" bestFit="1" customWidth="1"/>
    <col min="3078" max="3078" width="18.125" style="4" customWidth="1"/>
    <col min="3079" max="3079" width="7.375" style="4" customWidth="1"/>
    <col min="3080" max="3083" width="4.25" style="4" bestFit="1" customWidth="1"/>
    <col min="3084" max="3084" width="4.25" style="4" customWidth="1"/>
    <col min="3085" max="3085" width="4.375" style="4" bestFit="1" customWidth="1"/>
    <col min="3086" max="3086" width="7.25" style="4" bestFit="1" customWidth="1"/>
    <col min="3087" max="3087" width="13.625" style="4" customWidth="1"/>
    <col min="3088" max="3328" width="9" style="4"/>
    <col min="3329" max="3330" width="15.875" style="4" bestFit="1" customWidth="1"/>
    <col min="3331" max="3331" width="4" style="4" customWidth="1"/>
    <col min="3332" max="3332" width="14.25" style="4" bestFit="1" customWidth="1"/>
    <col min="3333" max="3333" width="8.375" style="4" bestFit="1" customWidth="1"/>
    <col min="3334" max="3334" width="18.125" style="4" customWidth="1"/>
    <col min="3335" max="3335" width="7.375" style="4" customWidth="1"/>
    <col min="3336" max="3339" width="4.25" style="4" bestFit="1" customWidth="1"/>
    <col min="3340" max="3340" width="4.25" style="4" customWidth="1"/>
    <col min="3341" max="3341" width="4.375" style="4" bestFit="1" customWidth="1"/>
    <col min="3342" max="3342" width="7.25" style="4" bestFit="1" customWidth="1"/>
    <col min="3343" max="3343" width="13.625" style="4" customWidth="1"/>
    <col min="3344" max="3584" width="9" style="4"/>
    <col min="3585" max="3586" width="15.875" style="4" bestFit="1" customWidth="1"/>
    <col min="3587" max="3587" width="4" style="4" customWidth="1"/>
    <col min="3588" max="3588" width="14.25" style="4" bestFit="1" customWidth="1"/>
    <col min="3589" max="3589" width="8.375" style="4" bestFit="1" customWidth="1"/>
    <col min="3590" max="3590" width="18.125" style="4" customWidth="1"/>
    <col min="3591" max="3591" width="7.375" style="4" customWidth="1"/>
    <col min="3592" max="3595" width="4.25" style="4" bestFit="1" customWidth="1"/>
    <col min="3596" max="3596" width="4.25" style="4" customWidth="1"/>
    <col min="3597" max="3597" width="4.375" style="4" bestFit="1" customWidth="1"/>
    <col min="3598" max="3598" width="7.25" style="4" bestFit="1" customWidth="1"/>
    <col min="3599" max="3599" width="13.625" style="4" customWidth="1"/>
    <col min="3600" max="3840" width="9" style="4"/>
    <col min="3841" max="3842" width="15.875" style="4" bestFit="1" customWidth="1"/>
    <col min="3843" max="3843" width="4" style="4" customWidth="1"/>
    <col min="3844" max="3844" width="14.25" style="4" bestFit="1" customWidth="1"/>
    <col min="3845" max="3845" width="8.375" style="4" bestFit="1" customWidth="1"/>
    <col min="3846" max="3846" width="18.125" style="4" customWidth="1"/>
    <col min="3847" max="3847" width="7.375" style="4" customWidth="1"/>
    <col min="3848" max="3851" width="4.25" style="4" bestFit="1" customWidth="1"/>
    <col min="3852" max="3852" width="4.25" style="4" customWidth="1"/>
    <col min="3853" max="3853" width="4.375" style="4" bestFit="1" customWidth="1"/>
    <col min="3854" max="3854" width="7.25" style="4" bestFit="1" customWidth="1"/>
    <col min="3855" max="3855" width="13.625" style="4" customWidth="1"/>
    <col min="3856" max="4096" width="9" style="4"/>
    <col min="4097" max="4098" width="15.875" style="4" bestFit="1" customWidth="1"/>
    <col min="4099" max="4099" width="4" style="4" customWidth="1"/>
    <col min="4100" max="4100" width="14.25" style="4" bestFit="1" customWidth="1"/>
    <col min="4101" max="4101" width="8.375" style="4" bestFit="1" customWidth="1"/>
    <col min="4102" max="4102" width="18.125" style="4" customWidth="1"/>
    <col min="4103" max="4103" width="7.375" style="4" customWidth="1"/>
    <col min="4104" max="4107" width="4.25" style="4" bestFit="1" customWidth="1"/>
    <col min="4108" max="4108" width="4.25" style="4" customWidth="1"/>
    <col min="4109" max="4109" width="4.375" style="4" bestFit="1" customWidth="1"/>
    <col min="4110" max="4110" width="7.25" style="4" bestFit="1" customWidth="1"/>
    <col min="4111" max="4111" width="13.625" style="4" customWidth="1"/>
    <col min="4112" max="4352" width="9" style="4"/>
    <col min="4353" max="4354" width="15.875" style="4" bestFit="1" customWidth="1"/>
    <col min="4355" max="4355" width="4" style="4" customWidth="1"/>
    <col min="4356" max="4356" width="14.25" style="4" bestFit="1" customWidth="1"/>
    <col min="4357" max="4357" width="8.375" style="4" bestFit="1" customWidth="1"/>
    <col min="4358" max="4358" width="18.125" style="4" customWidth="1"/>
    <col min="4359" max="4359" width="7.375" style="4" customWidth="1"/>
    <col min="4360" max="4363" width="4.25" style="4" bestFit="1" customWidth="1"/>
    <col min="4364" max="4364" width="4.25" style="4" customWidth="1"/>
    <col min="4365" max="4365" width="4.375" style="4" bestFit="1" customWidth="1"/>
    <col min="4366" max="4366" width="7.25" style="4" bestFit="1" customWidth="1"/>
    <col min="4367" max="4367" width="13.625" style="4" customWidth="1"/>
    <col min="4368" max="4608" width="9" style="4"/>
    <col min="4609" max="4610" width="15.875" style="4" bestFit="1" customWidth="1"/>
    <col min="4611" max="4611" width="4" style="4" customWidth="1"/>
    <col min="4612" max="4612" width="14.25" style="4" bestFit="1" customWidth="1"/>
    <col min="4613" max="4613" width="8.375" style="4" bestFit="1" customWidth="1"/>
    <col min="4614" max="4614" width="18.125" style="4" customWidth="1"/>
    <col min="4615" max="4615" width="7.375" style="4" customWidth="1"/>
    <col min="4616" max="4619" width="4.25" style="4" bestFit="1" customWidth="1"/>
    <col min="4620" max="4620" width="4.25" style="4" customWidth="1"/>
    <col min="4621" max="4621" width="4.375" style="4" bestFit="1" customWidth="1"/>
    <col min="4622" max="4622" width="7.25" style="4" bestFit="1" customWidth="1"/>
    <col min="4623" max="4623" width="13.625" style="4" customWidth="1"/>
    <col min="4624" max="4864" width="9" style="4"/>
    <col min="4865" max="4866" width="15.875" style="4" bestFit="1" customWidth="1"/>
    <col min="4867" max="4867" width="4" style="4" customWidth="1"/>
    <col min="4868" max="4868" width="14.25" style="4" bestFit="1" customWidth="1"/>
    <col min="4869" max="4869" width="8.375" style="4" bestFit="1" customWidth="1"/>
    <col min="4870" max="4870" width="18.125" style="4" customWidth="1"/>
    <col min="4871" max="4871" width="7.375" style="4" customWidth="1"/>
    <col min="4872" max="4875" width="4.25" style="4" bestFit="1" customWidth="1"/>
    <col min="4876" max="4876" width="4.25" style="4" customWidth="1"/>
    <col min="4877" max="4877" width="4.375" style="4" bestFit="1" customWidth="1"/>
    <col min="4878" max="4878" width="7.25" style="4" bestFit="1" customWidth="1"/>
    <col min="4879" max="4879" width="13.625" style="4" customWidth="1"/>
    <col min="4880" max="5120" width="9" style="4"/>
    <col min="5121" max="5122" width="15.875" style="4" bestFit="1" customWidth="1"/>
    <col min="5123" max="5123" width="4" style="4" customWidth="1"/>
    <col min="5124" max="5124" width="14.25" style="4" bestFit="1" customWidth="1"/>
    <col min="5125" max="5125" width="8.375" style="4" bestFit="1" customWidth="1"/>
    <col min="5126" max="5126" width="18.125" style="4" customWidth="1"/>
    <col min="5127" max="5127" width="7.375" style="4" customWidth="1"/>
    <col min="5128" max="5131" width="4.25" style="4" bestFit="1" customWidth="1"/>
    <col min="5132" max="5132" width="4.25" style="4" customWidth="1"/>
    <col min="5133" max="5133" width="4.375" style="4" bestFit="1" customWidth="1"/>
    <col min="5134" max="5134" width="7.25" style="4" bestFit="1" customWidth="1"/>
    <col min="5135" max="5135" width="13.625" style="4" customWidth="1"/>
    <col min="5136" max="5376" width="9" style="4"/>
    <col min="5377" max="5378" width="15.875" style="4" bestFit="1" customWidth="1"/>
    <col min="5379" max="5379" width="4" style="4" customWidth="1"/>
    <col min="5380" max="5380" width="14.25" style="4" bestFit="1" customWidth="1"/>
    <col min="5381" max="5381" width="8.375" style="4" bestFit="1" customWidth="1"/>
    <col min="5382" max="5382" width="18.125" style="4" customWidth="1"/>
    <col min="5383" max="5383" width="7.375" style="4" customWidth="1"/>
    <col min="5384" max="5387" width="4.25" style="4" bestFit="1" customWidth="1"/>
    <col min="5388" max="5388" width="4.25" style="4" customWidth="1"/>
    <col min="5389" max="5389" width="4.375" style="4" bestFit="1" customWidth="1"/>
    <col min="5390" max="5390" width="7.25" style="4" bestFit="1" customWidth="1"/>
    <col min="5391" max="5391" width="13.625" style="4" customWidth="1"/>
    <col min="5392" max="5632" width="9" style="4"/>
    <col min="5633" max="5634" width="15.875" style="4" bestFit="1" customWidth="1"/>
    <col min="5635" max="5635" width="4" style="4" customWidth="1"/>
    <col min="5636" max="5636" width="14.25" style="4" bestFit="1" customWidth="1"/>
    <col min="5637" max="5637" width="8.375" style="4" bestFit="1" customWidth="1"/>
    <col min="5638" max="5638" width="18.125" style="4" customWidth="1"/>
    <col min="5639" max="5639" width="7.375" style="4" customWidth="1"/>
    <col min="5640" max="5643" width="4.25" style="4" bestFit="1" customWidth="1"/>
    <col min="5644" max="5644" width="4.25" style="4" customWidth="1"/>
    <col min="5645" max="5645" width="4.375" style="4" bestFit="1" customWidth="1"/>
    <col min="5646" max="5646" width="7.25" style="4" bestFit="1" customWidth="1"/>
    <col min="5647" max="5647" width="13.625" style="4" customWidth="1"/>
    <col min="5648" max="5888" width="9" style="4"/>
    <col min="5889" max="5890" width="15.875" style="4" bestFit="1" customWidth="1"/>
    <col min="5891" max="5891" width="4" style="4" customWidth="1"/>
    <col min="5892" max="5892" width="14.25" style="4" bestFit="1" customWidth="1"/>
    <col min="5893" max="5893" width="8.375" style="4" bestFit="1" customWidth="1"/>
    <col min="5894" max="5894" width="18.125" style="4" customWidth="1"/>
    <col min="5895" max="5895" width="7.375" style="4" customWidth="1"/>
    <col min="5896" max="5899" width="4.25" style="4" bestFit="1" customWidth="1"/>
    <col min="5900" max="5900" width="4.25" style="4" customWidth="1"/>
    <col min="5901" max="5901" width="4.375" style="4" bestFit="1" customWidth="1"/>
    <col min="5902" max="5902" width="7.25" style="4" bestFit="1" customWidth="1"/>
    <col min="5903" max="5903" width="13.625" style="4" customWidth="1"/>
    <col min="5904" max="6144" width="9" style="4"/>
    <col min="6145" max="6146" width="15.875" style="4" bestFit="1" customWidth="1"/>
    <col min="6147" max="6147" width="4" style="4" customWidth="1"/>
    <col min="6148" max="6148" width="14.25" style="4" bestFit="1" customWidth="1"/>
    <col min="6149" max="6149" width="8.375" style="4" bestFit="1" customWidth="1"/>
    <col min="6150" max="6150" width="18.125" style="4" customWidth="1"/>
    <col min="6151" max="6151" width="7.375" style="4" customWidth="1"/>
    <col min="6152" max="6155" width="4.25" style="4" bestFit="1" customWidth="1"/>
    <col min="6156" max="6156" width="4.25" style="4" customWidth="1"/>
    <col min="6157" max="6157" width="4.375" style="4" bestFit="1" customWidth="1"/>
    <col min="6158" max="6158" width="7.25" style="4" bestFit="1" customWidth="1"/>
    <col min="6159" max="6159" width="13.625" style="4" customWidth="1"/>
    <col min="6160" max="6400" width="9" style="4"/>
    <col min="6401" max="6402" width="15.875" style="4" bestFit="1" customWidth="1"/>
    <col min="6403" max="6403" width="4" style="4" customWidth="1"/>
    <col min="6404" max="6404" width="14.25" style="4" bestFit="1" customWidth="1"/>
    <col min="6405" max="6405" width="8.375" style="4" bestFit="1" customWidth="1"/>
    <col min="6406" max="6406" width="18.125" style="4" customWidth="1"/>
    <col min="6407" max="6407" width="7.375" style="4" customWidth="1"/>
    <col min="6408" max="6411" width="4.25" style="4" bestFit="1" customWidth="1"/>
    <col min="6412" max="6412" width="4.25" style="4" customWidth="1"/>
    <col min="6413" max="6413" width="4.375" style="4" bestFit="1" customWidth="1"/>
    <col min="6414" max="6414" width="7.25" style="4" bestFit="1" customWidth="1"/>
    <col min="6415" max="6415" width="13.625" style="4" customWidth="1"/>
    <col min="6416" max="6656" width="9" style="4"/>
    <col min="6657" max="6658" width="15.875" style="4" bestFit="1" customWidth="1"/>
    <col min="6659" max="6659" width="4" style="4" customWidth="1"/>
    <col min="6660" max="6660" width="14.25" style="4" bestFit="1" customWidth="1"/>
    <col min="6661" max="6661" width="8.375" style="4" bestFit="1" customWidth="1"/>
    <col min="6662" max="6662" width="18.125" style="4" customWidth="1"/>
    <col min="6663" max="6663" width="7.375" style="4" customWidth="1"/>
    <col min="6664" max="6667" width="4.25" style="4" bestFit="1" customWidth="1"/>
    <col min="6668" max="6668" width="4.25" style="4" customWidth="1"/>
    <col min="6669" max="6669" width="4.375" style="4" bestFit="1" customWidth="1"/>
    <col min="6670" max="6670" width="7.25" style="4" bestFit="1" customWidth="1"/>
    <col min="6671" max="6671" width="13.625" style="4" customWidth="1"/>
    <col min="6672" max="6912" width="9" style="4"/>
    <col min="6913" max="6914" width="15.875" style="4" bestFit="1" customWidth="1"/>
    <col min="6915" max="6915" width="4" style="4" customWidth="1"/>
    <col min="6916" max="6916" width="14.25" style="4" bestFit="1" customWidth="1"/>
    <col min="6917" max="6917" width="8.375" style="4" bestFit="1" customWidth="1"/>
    <col min="6918" max="6918" width="18.125" style="4" customWidth="1"/>
    <col min="6919" max="6919" width="7.375" style="4" customWidth="1"/>
    <col min="6920" max="6923" width="4.25" style="4" bestFit="1" customWidth="1"/>
    <col min="6924" max="6924" width="4.25" style="4" customWidth="1"/>
    <col min="6925" max="6925" width="4.375" style="4" bestFit="1" customWidth="1"/>
    <col min="6926" max="6926" width="7.25" style="4" bestFit="1" customWidth="1"/>
    <col min="6927" max="6927" width="13.625" style="4" customWidth="1"/>
    <col min="6928" max="7168" width="9" style="4"/>
    <col min="7169" max="7170" width="15.875" style="4" bestFit="1" customWidth="1"/>
    <col min="7171" max="7171" width="4" style="4" customWidth="1"/>
    <col min="7172" max="7172" width="14.25" style="4" bestFit="1" customWidth="1"/>
    <col min="7173" max="7173" width="8.375" style="4" bestFit="1" customWidth="1"/>
    <col min="7174" max="7174" width="18.125" style="4" customWidth="1"/>
    <col min="7175" max="7175" width="7.375" style="4" customWidth="1"/>
    <col min="7176" max="7179" width="4.25" style="4" bestFit="1" customWidth="1"/>
    <col min="7180" max="7180" width="4.25" style="4" customWidth="1"/>
    <col min="7181" max="7181" width="4.375" style="4" bestFit="1" customWidth="1"/>
    <col min="7182" max="7182" width="7.25" style="4" bestFit="1" customWidth="1"/>
    <col min="7183" max="7183" width="13.625" style="4" customWidth="1"/>
    <col min="7184" max="7424" width="9" style="4"/>
    <col min="7425" max="7426" width="15.875" style="4" bestFit="1" customWidth="1"/>
    <col min="7427" max="7427" width="4" style="4" customWidth="1"/>
    <col min="7428" max="7428" width="14.25" style="4" bestFit="1" customWidth="1"/>
    <col min="7429" max="7429" width="8.375" style="4" bestFit="1" customWidth="1"/>
    <col min="7430" max="7430" width="18.125" style="4" customWidth="1"/>
    <col min="7431" max="7431" width="7.375" style="4" customWidth="1"/>
    <col min="7432" max="7435" width="4.25" style="4" bestFit="1" customWidth="1"/>
    <col min="7436" max="7436" width="4.25" style="4" customWidth="1"/>
    <col min="7437" max="7437" width="4.375" style="4" bestFit="1" customWidth="1"/>
    <col min="7438" max="7438" width="7.25" style="4" bestFit="1" customWidth="1"/>
    <col min="7439" max="7439" width="13.625" style="4" customWidth="1"/>
    <col min="7440" max="7680" width="9" style="4"/>
    <col min="7681" max="7682" width="15.875" style="4" bestFit="1" customWidth="1"/>
    <col min="7683" max="7683" width="4" style="4" customWidth="1"/>
    <col min="7684" max="7684" width="14.25" style="4" bestFit="1" customWidth="1"/>
    <col min="7685" max="7685" width="8.375" style="4" bestFit="1" customWidth="1"/>
    <col min="7686" max="7686" width="18.125" style="4" customWidth="1"/>
    <col min="7687" max="7687" width="7.375" style="4" customWidth="1"/>
    <col min="7688" max="7691" width="4.25" style="4" bestFit="1" customWidth="1"/>
    <col min="7692" max="7692" width="4.25" style="4" customWidth="1"/>
    <col min="7693" max="7693" width="4.375" style="4" bestFit="1" customWidth="1"/>
    <col min="7694" max="7694" width="7.25" style="4" bestFit="1" customWidth="1"/>
    <col min="7695" max="7695" width="13.625" style="4" customWidth="1"/>
    <col min="7696" max="7936" width="9" style="4"/>
    <col min="7937" max="7938" width="15.875" style="4" bestFit="1" customWidth="1"/>
    <col min="7939" max="7939" width="4" style="4" customWidth="1"/>
    <col min="7940" max="7940" width="14.25" style="4" bestFit="1" customWidth="1"/>
    <col min="7941" max="7941" width="8.375" style="4" bestFit="1" customWidth="1"/>
    <col min="7942" max="7942" width="18.125" style="4" customWidth="1"/>
    <col min="7943" max="7943" width="7.375" style="4" customWidth="1"/>
    <col min="7944" max="7947" width="4.25" style="4" bestFit="1" customWidth="1"/>
    <col min="7948" max="7948" width="4.25" style="4" customWidth="1"/>
    <col min="7949" max="7949" width="4.375" style="4" bestFit="1" customWidth="1"/>
    <col min="7950" max="7950" width="7.25" style="4" bestFit="1" customWidth="1"/>
    <col min="7951" max="7951" width="13.625" style="4" customWidth="1"/>
    <col min="7952" max="8192" width="9" style="4"/>
    <col min="8193" max="8194" width="15.875" style="4" bestFit="1" customWidth="1"/>
    <col min="8195" max="8195" width="4" style="4" customWidth="1"/>
    <col min="8196" max="8196" width="14.25" style="4" bestFit="1" customWidth="1"/>
    <col min="8197" max="8197" width="8.375" style="4" bestFit="1" customWidth="1"/>
    <col min="8198" max="8198" width="18.125" style="4" customWidth="1"/>
    <col min="8199" max="8199" width="7.375" style="4" customWidth="1"/>
    <col min="8200" max="8203" width="4.25" style="4" bestFit="1" customWidth="1"/>
    <col min="8204" max="8204" width="4.25" style="4" customWidth="1"/>
    <col min="8205" max="8205" width="4.375" style="4" bestFit="1" customWidth="1"/>
    <col min="8206" max="8206" width="7.25" style="4" bestFit="1" customWidth="1"/>
    <col min="8207" max="8207" width="13.625" style="4" customWidth="1"/>
    <col min="8208" max="8448" width="9" style="4"/>
    <col min="8449" max="8450" width="15.875" style="4" bestFit="1" customWidth="1"/>
    <col min="8451" max="8451" width="4" style="4" customWidth="1"/>
    <col min="8452" max="8452" width="14.25" style="4" bestFit="1" customWidth="1"/>
    <col min="8453" max="8453" width="8.375" style="4" bestFit="1" customWidth="1"/>
    <col min="8454" max="8454" width="18.125" style="4" customWidth="1"/>
    <col min="8455" max="8455" width="7.375" style="4" customWidth="1"/>
    <col min="8456" max="8459" width="4.25" style="4" bestFit="1" customWidth="1"/>
    <col min="8460" max="8460" width="4.25" style="4" customWidth="1"/>
    <col min="8461" max="8461" width="4.375" style="4" bestFit="1" customWidth="1"/>
    <col min="8462" max="8462" width="7.25" style="4" bestFit="1" customWidth="1"/>
    <col min="8463" max="8463" width="13.625" style="4" customWidth="1"/>
    <col min="8464" max="8704" width="9" style="4"/>
    <col min="8705" max="8706" width="15.875" style="4" bestFit="1" customWidth="1"/>
    <col min="8707" max="8707" width="4" style="4" customWidth="1"/>
    <col min="8708" max="8708" width="14.25" style="4" bestFit="1" customWidth="1"/>
    <col min="8709" max="8709" width="8.375" style="4" bestFit="1" customWidth="1"/>
    <col min="8710" max="8710" width="18.125" style="4" customWidth="1"/>
    <col min="8711" max="8711" width="7.375" style="4" customWidth="1"/>
    <col min="8712" max="8715" width="4.25" style="4" bestFit="1" customWidth="1"/>
    <col min="8716" max="8716" width="4.25" style="4" customWidth="1"/>
    <col min="8717" max="8717" width="4.375" style="4" bestFit="1" customWidth="1"/>
    <col min="8718" max="8718" width="7.25" style="4" bestFit="1" customWidth="1"/>
    <col min="8719" max="8719" width="13.625" style="4" customWidth="1"/>
    <col min="8720" max="8960" width="9" style="4"/>
    <col min="8961" max="8962" width="15.875" style="4" bestFit="1" customWidth="1"/>
    <col min="8963" max="8963" width="4" style="4" customWidth="1"/>
    <col min="8964" max="8964" width="14.25" style="4" bestFit="1" customWidth="1"/>
    <col min="8965" max="8965" width="8.375" style="4" bestFit="1" customWidth="1"/>
    <col min="8966" max="8966" width="18.125" style="4" customWidth="1"/>
    <col min="8967" max="8967" width="7.375" style="4" customWidth="1"/>
    <col min="8968" max="8971" width="4.25" style="4" bestFit="1" customWidth="1"/>
    <col min="8972" max="8972" width="4.25" style="4" customWidth="1"/>
    <col min="8973" max="8973" width="4.375" style="4" bestFit="1" customWidth="1"/>
    <col min="8974" max="8974" width="7.25" style="4" bestFit="1" customWidth="1"/>
    <col min="8975" max="8975" width="13.625" style="4" customWidth="1"/>
    <col min="8976" max="9216" width="9" style="4"/>
    <col min="9217" max="9218" width="15.875" style="4" bestFit="1" customWidth="1"/>
    <col min="9219" max="9219" width="4" style="4" customWidth="1"/>
    <col min="9220" max="9220" width="14.25" style="4" bestFit="1" customWidth="1"/>
    <col min="9221" max="9221" width="8.375" style="4" bestFit="1" customWidth="1"/>
    <col min="9222" max="9222" width="18.125" style="4" customWidth="1"/>
    <col min="9223" max="9223" width="7.375" style="4" customWidth="1"/>
    <col min="9224" max="9227" width="4.25" style="4" bestFit="1" customWidth="1"/>
    <col min="9228" max="9228" width="4.25" style="4" customWidth="1"/>
    <col min="9229" max="9229" width="4.375" style="4" bestFit="1" customWidth="1"/>
    <col min="9230" max="9230" width="7.25" style="4" bestFit="1" customWidth="1"/>
    <col min="9231" max="9231" width="13.625" style="4" customWidth="1"/>
    <col min="9232" max="9472" width="9" style="4"/>
    <col min="9473" max="9474" width="15.875" style="4" bestFit="1" customWidth="1"/>
    <col min="9475" max="9475" width="4" style="4" customWidth="1"/>
    <col min="9476" max="9476" width="14.25" style="4" bestFit="1" customWidth="1"/>
    <col min="9477" max="9477" width="8.375" style="4" bestFit="1" customWidth="1"/>
    <col min="9478" max="9478" width="18.125" style="4" customWidth="1"/>
    <col min="9479" max="9479" width="7.375" style="4" customWidth="1"/>
    <col min="9480" max="9483" width="4.25" style="4" bestFit="1" customWidth="1"/>
    <col min="9484" max="9484" width="4.25" style="4" customWidth="1"/>
    <col min="9485" max="9485" width="4.375" style="4" bestFit="1" customWidth="1"/>
    <col min="9486" max="9486" width="7.25" style="4" bestFit="1" customWidth="1"/>
    <col min="9487" max="9487" width="13.625" style="4" customWidth="1"/>
    <col min="9488" max="9728" width="9" style="4"/>
    <col min="9729" max="9730" width="15.875" style="4" bestFit="1" customWidth="1"/>
    <col min="9731" max="9731" width="4" style="4" customWidth="1"/>
    <col min="9732" max="9732" width="14.25" style="4" bestFit="1" customWidth="1"/>
    <col min="9733" max="9733" width="8.375" style="4" bestFit="1" customWidth="1"/>
    <col min="9734" max="9734" width="18.125" style="4" customWidth="1"/>
    <col min="9735" max="9735" width="7.375" style="4" customWidth="1"/>
    <col min="9736" max="9739" width="4.25" style="4" bestFit="1" customWidth="1"/>
    <col min="9740" max="9740" width="4.25" style="4" customWidth="1"/>
    <col min="9741" max="9741" width="4.375" style="4" bestFit="1" customWidth="1"/>
    <col min="9742" max="9742" width="7.25" style="4" bestFit="1" customWidth="1"/>
    <col min="9743" max="9743" width="13.625" style="4" customWidth="1"/>
    <col min="9744" max="9984" width="9" style="4"/>
    <col min="9985" max="9986" width="15.875" style="4" bestFit="1" customWidth="1"/>
    <col min="9987" max="9987" width="4" style="4" customWidth="1"/>
    <col min="9988" max="9988" width="14.25" style="4" bestFit="1" customWidth="1"/>
    <col min="9989" max="9989" width="8.375" style="4" bestFit="1" customWidth="1"/>
    <col min="9990" max="9990" width="18.125" style="4" customWidth="1"/>
    <col min="9991" max="9991" width="7.375" style="4" customWidth="1"/>
    <col min="9992" max="9995" width="4.25" style="4" bestFit="1" customWidth="1"/>
    <col min="9996" max="9996" width="4.25" style="4" customWidth="1"/>
    <col min="9997" max="9997" width="4.375" style="4" bestFit="1" customWidth="1"/>
    <col min="9998" max="9998" width="7.25" style="4" bestFit="1" customWidth="1"/>
    <col min="9999" max="9999" width="13.625" style="4" customWidth="1"/>
    <col min="10000" max="10240" width="9" style="4"/>
    <col min="10241" max="10242" width="15.875" style="4" bestFit="1" customWidth="1"/>
    <col min="10243" max="10243" width="4" style="4" customWidth="1"/>
    <col min="10244" max="10244" width="14.25" style="4" bestFit="1" customWidth="1"/>
    <col min="10245" max="10245" width="8.375" style="4" bestFit="1" customWidth="1"/>
    <col min="10246" max="10246" width="18.125" style="4" customWidth="1"/>
    <col min="10247" max="10247" width="7.375" style="4" customWidth="1"/>
    <col min="10248" max="10251" width="4.25" style="4" bestFit="1" customWidth="1"/>
    <col min="10252" max="10252" width="4.25" style="4" customWidth="1"/>
    <col min="10253" max="10253" width="4.375" style="4" bestFit="1" customWidth="1"/>
    <col min="10254" max="10254" width="7.25" style="4" bestFit="1" customWidth="1"/>
    <col min="10255" max="10255" width="13.625" style="4" customWidth="1"/>
    <col min="10256" max="10496" width="9" style="4"/>
    <col min="10497" max="10498" width="15.875" style="4" bestFit="1" customWidth="1"/>
    <col min="10499" max="10499" width="4" style="4" customWidth="1"/>
    <col min="10500" max="10500" width="14.25" style="4" bestFit="1" customWidth="1"/>
    <col min="10501" max="10501" width="8.375" style="4" bestFit="1" customWidth="1"/>
    <col min="10502" max="10502" width="18.125" style="4" customWidth="1"/>
    <col min="10503" max="10503" width="7.375" style="4" customWidth="1"/>
    <col min="10504" max="10507" width="4.25" style="4" bestFit="1" customWidth="1"/>
    <col min="10508" max="10508" width="4.25" style="4" customWidth="1"/>
    <col min="10509" max="10509" width="4.375" style="4" bestFit="1" customWidth="1"/>
    <col min="10510" max="10510" width="7.25" style="4" bestFit="1" customWidth="1"/>
    <col min="10511" max="10511" width="13.625" style="4" customWidth="1"/>
    <col min="10512" max="10752" width="9" style="4"/>
    <col min="10753" max="10754" width="15.875" style="4" bestFit="1" customWidth="1"/>
    <col min="10755" max="10755" width="4" style="4" customWidth="1"/>
    <col min="10756" max="10756" width="14.25" style="4" bestFit="1" customWidth="1"/>
    <col min="10757" max="10757" width="8.375" style="4" bestFit="1" customWidth="1"/>
    <col min="10758" max="10758" width="18.125" style="4" customWidth="1"/>
    <col min="10759" max="10759" width="7.375" style="4" customWidth="1"/>
    <col min="10760" max="10763" width="4.25" style="4" bestFit="1" customWidth="1"/>
    <col min="10764" max="10764" width="4.25" style="4" customWidth="1"/>
    <col min="10765" max="10765" width="4.375" style="4" bestFit="1" customWidth="1"/>
    <col min="10766" max="10766" width="7.25" style="4" bestFit="1" customWidth="1"/>
    <col min="10767" max="10767" width="13.625" style="4" customWidth="1"/>
    <col min="10768" max="11008" width="9" style="4"/>
    <col min="11009" max="11010" width="15.875" style="4" bestFit="1" customWidth="1"/>
    <col min="11011" max="11011" width="4" style="4" customWidth="1"/>
    <col min="11012" max="11012" width="14.25" style="4" bestFit="1" customWidth="1"/>
    <col min="11013" max="11013" width="8.375" style="4" bestFit="1" customWidth="1"/>
    <col min="11014" max="11014" width="18.125" style="4" customWidth="1"/>
    <col min="11015" max="11015" width="7.375" style="4" customWidth="1"/>
    <col min="11016" max="11019" width="4.25" style="4" bestFit="1" customWidth="1"/>
    <col min="11020" max="11020" width="4.25" style="4" customWidth="1"/>
    <col min="11021" max="11021" width="4.375" style="4" bestFit="1" customWidth="1"/>
    <col min="11022" max="11022" width="7.25" style="4" bestFit="1" customWidth="1"/>
    <col min="11023" max="11023" width="13.625" style="4" customWidth="1"/>
    <col min="11024" max="11264" width="9" style="4"/>
    <col min="11265" max="11266" width="15.875" style="4" bestFit="1" customWidth="1"/>
    <col min="11267" max="11267" width="4" style="4" customWidth="1"/>
    <col min="11268" max="11268" width="14.25" style="4" bestFit="1" customWidth="1"/>
    <col min="11269" max="11269" width="8.375" style="4" bestFit="1" customWidth="1"/>
    <col min="11270" max="11270" width="18.125" style="4" customWidth="1"/>
    <col min="11271" max="11271" width="7.375" style="4" customWidth="1"/>
    <col min="11272" max="11275" width="4.25" style="4" bestFit="1" customWidth="1"/>
    <col min="11276" max="11276" width="4.25" style="4" customWidth="1"/>
    <col min="11277" max="11277" width="4.375" style="4" bestFit="1" customWidth="1"/>
    <col min="11278" max="11278" width="7.25" style="4" bestFit="1" customWidth="1"/>
    <col min="11279" max="11279" width="13.625" style="4" customWidth="1"/>
    <col min="11280" max="11520" width="9" style="4"/>
    <col min="11521" max="11522" width="15.875" style="4" bestFit="1" customWidth="1"/>
    <col min="11523" max="11523" width="4" style="4" customWidth="1"/>
    <col min="11524" max="11524" width="14.25" style="4" bestFit="1" customWidth="1"/>
    <col min="11525" max="11525" width="8.375" style="4" bestFit="1" customWidth="1"/>
    <col min="11526" max="11526" width="18.125" style="4" customWidth="1"/>
    <col min="11527" max="11527" width="7.375" style="4" customWidth="1"/>
    <col min="11528" max="11531" width="4.25" style="4" bestFit="1" customWidth="1"/>
    <col min="11532" max="11532" width="4.25" style="4" customWidth="1"/>
    <col min="11533" max="11533" width="4.375" style="4" bestFit="1" customWidth="1"/>
    <col min="11534" max="11534" width="7.25" style="4" bestFit="1" customWidth="1"/>
    <col min="11535" max="11535" width="13.625" style="4" customWidth="1"/>
    <col min="11536" max="11776" width="9" style="4"/>
    <col min="11777" max="11778" width="15.875" style="4" bestFit="1" customWidth="1"/>
    <col min="11779" max="11779" width="4" style="4" customWidth="1"/>
    <col min="11780" max="11780" width="14.25" style="4" bestFit="1" customWidth="1"/>
    <col min="11781" max="11781" width="8.375" style="4" bestFit="1" customWidth="1"/>
    <col min="11782" max="11782" width="18.125" style="4" customWidth="1"/>
    <col min="11783" max="11783" width="7.375" style="4" customWidth="1"/>
    <col min="11784" max="11787" width="4.25" style="4" bestFit="1" customWidth="1"/>
    <col min="11788" max="11788" width="4.25" style="4" customWidth="1"/>
    <col min="11789" max="11789" width="4.375" style="4" bestFit="1" customWidth="1"/>
    <col min="11790" max="11790" width="7.25" style="4" bestFit="1" customWidth="1"/>
    <col min="11791" max="11791" width="13.625" style="4" customWidth="1"/>
    <col min="11792" max="12032" width="9" style="4"/>
    <col min="12033" max="12034" width="15.875" style="4" bestFit="1" customWidth="1"/>
    <col min="12035" max="12035" width="4" style="4" customWidth="1"/>
    <col min="12036" max="12036" width="14.25" style="4" bestFit="1" customWidth="1"/>
    <col min="12037" max="12037" width="8.375" style="4" bestFit="1" customWidth="1"/>
    <col min="12038" max="12038" width="18.125" style="4" customWidth="1"/>
    <col min="12039" max="12039" width="7.375" style="4" customWidth="1"/>
    <col min="12040" max="12043" width="4.25" style="4" bestFit="1" customWidth="1"/>
    <col min="12044" max="12044" width="4.25" style="4" customWidth="1"/>
    <col min="12045" max="12045" width="4.375" style="4" bestFit="1" customWidth="1"/>
    <col min="12046" max="12046" width="7.25" style="4" bestFit="1" customWidth="1"/>
    <col min="12047" max="12047" width="13.625" style="4" customWidth="1"/>
    <col min="12048" max="12288" width="9" style="4"/>
    <col min="12289" max="12290" width="15.875" style="4" bestFit="1" customWidth="1"/>
    <col min="12291" max="12291" width="4" style="4" customWidth="1"/>
    <col min="12292" max="12292" width="14.25" style="4" bestFit="1" customWidth="1"/>
    <col min="12293" max="12293" width="8.375" style="4" bestFit="1" customWidth="1"/>
    <col min="12294" max="12294" width="18.125" style="4" customWidth="1"/>
    <col min="12295" max="12295" width="7.375" style="4" customWidth="1"/>
    <col min="12296" max="12299" width="4.25" style="4" bestFit="1" customWidth="1"/>
    <col min="12300" max="12300" width="4.25" style="4" customWidth="1"/>
    <col min="12301" max="12301" width="4.375" style="4" bestFit="1" customWidth="1"/>
    <col min="12302" max="12302" width="7.25" style="4" bestFit="1" customWidth="1"/>
    <col min="12303" max="12303" width="13.625" style="4" customWidth="1"/>
    <col min="12304" max="12544" width="9" style="4"/>
    <col min="12545" max="12546" width="15.875" style="4" bestFit="1" customWidth="1"/>
    <col min="12547" max="12547" width="4" style="4" customWidth="1"/>
    <col min="12548" max="12548" width="14.25" style="4" bestFit="1" customWidth="1"/>
    <col min="12549" max="12549" width="8.375" style="4" bestFit="1" customWidth="1"/>
    <col min="12550" max="12550" width="18.125" style="4" customWidth="1"/>
    <col min="12551" max="12551" width="7.375" style="4" customWidth="1"/>
    <col min="12552" max="12555" width="4.25" style="4" bestFit="1" customWidth="1"/>
    <col min="12556" max="12556" width="4.25" style="4" customWidth="1"/>
    <col min="12557" max="12557" width="4.375" style="4" bestFit="1" customWidth="1"/>
    <col min="12558" max="12558" width="7.25" style="4" bestFit="1" customWidth="1"/>
    <col min="12559" max="12559" width="13.625" style="4" customWidth="1"/>
    <col min="12560" max="12800" width="9" style="4"/>
    <col min="12801" max="12802" width="15.875" style="4" bestFit="1" customWidth="1"/>
    <col min="12803" max="12803" width="4" style="4" customWidth="1"/>
    <col min="12804" max="12804" width="14.25" style="4" bestFit="1" customWidth="1"/>
    <col min="12805" max="12805" width="8.375" style="4" bestFit="1" customWidth="1"/>
    <col min="12806" max="12806" width="18.125" style="4" customWidth="1"/>
    <col min="12807" max="12807" width="7.375" style="4" customWidth="1"/>
    <col min="12808" max="12811" width="4.25" style="4" bestFit="1" customWidth="1"/>
    <col min="12812" max="12812" width="4.25" style="4" customWidth="1"/>
    <col min="12813" max="12813" width="4.375" style="4" bestFit="1" customWidth="1"/>
    <col min="12814" max="12814" width="7.25" style="4" bestFit="1" customWidth="1"/>
    <col min="12815" max="12815" width="13.625" style="4" customWidth="1"/>
    <col min="12816" max="13056" width="9" style="4"/>
    <col min="13057" max="13058" width="15.875" style="4" bestFit="1" customWidth="1"/>
    <col min="13059" max="13059" width="4" style="4" customWidth="1"/>
    <col min="13060" max="13060" width="14.25" style="4" bestFit="1" customWidth="1"/>
    <col min="13061" max="13061" width="8.375" style="4" bestFit="1" customWidth="1"/>
    <col min="13062" max="13062" width="18.125" style="4" customWidth="1"/>
    <col min="13063" max="13063" width="7.375" style="4" customWidth="1"/>
    <col min="13064" max="13067" width="4.25" style="4" bestFit="1" customWidth="1"/>
    <col min="13068" max="13068" width="4.25" style="4" customWidth="1"/>
    <col min="13069" max="13069" width="4.375" style="4" bestFit="1" customWidth="1"/>
    <col min="13070" max="13070" width="7.25" style="4" bestFit="1" customWidth="1"/>
    <col min="13071" max="13071" width="13.625" style="4" customWidth="1"/>
    <col min="13072" max="13312" width="9" style="4"/>
    <col min="13313" max="13314" width="15.875" style="4" bestFit="1" customWidth="1"/>
    <col min="13315" max="13315" width="4" style="4" customWidth="1"/>
    <col min="13316" max="13316" width="14.25" style="4" bestFit="1" customWidth="1"/>
    <col min="13317" max="13317" width="8.375" style="4" bestFit="1" customWidth="1"/>
    <col min="13318" max="13318" width="18.125" style="4" customWidth="1"/>
    <col min="13319" max="13319" width="7.375" style="4" customWidth="1"/>
    <col min="13320" max="13323" width="4.25" style="4" bestFit="1" customWidth="1"/>
    <col min="13324" max="13324" width="4.25" style="4" customWidth="1"/>
    <col min="13325" max="13325" width="4.375" style="4" bestFit="1" customWidth="1"/>
    <col min="13326" max="13326" width="7.25" style="4" bestFit="1" customWidth="1"/>
    <col min="13327" max="13327" width="13.625" style="4" customWidth="1"/>
    <col min="13328" max="13568" width="9" style="4"/>
    <col min="13569" max="13570" width="15.875" style="4" bestFit="1" customWidth="1"/>
    <col min="13571" max="13571" width="4" style="4" customWidth="1"/>
    <col min="13572" max="13572" width="14.25" style="4" bestFit="1" customWidth="1"/>
    <col min="13573" max="13573" width="8.375" style="4" bestFit="1" customWidth="1"/>
    <col min="13574" max="13574" width="18.125" style="4" customWidth="1"/>
    <col min="13575" max="13575" width="7.375" style="4" customWidth="1"/>
    <col min="13576" max="13579" width="4.25" style="4" bestFit="1" customWidth="1"/>
    <col min="13580" max="13580" width="4.25" style="4" customWidth="1"/>
    <col min="13581" max="13581" width="4.375" style="4" bestFit="1" customWidth="1"/>
    <col min="13582" max="13582" width="7.25" style="4" bestFit="1" customWidth="1"/>
    <col min="13583" max="13583" width="13.625" style="4" customWidth="1"/>
    <col min="13584" max="13824" width="9" style="4"/>
    <col min="13825" max="13826" width="15.875" style="4" bestFit="1" customWidth="1"/>
    <col min="13827" max="13827" width="4" style="4" customWidth="1"/>
    <col min="13828" max="13828" width="14.25" style="4" bestFit="1" customWidth="1"/>
    <col min="13829" max="13829" width="8.375" style="4" bestFit="1" customWidth="1"/>
    <col min="13830" max="13830" width="18.125" style="4" customWidth="1"/>
    <col min="13831" max="13831" width="7.375" style="4" customWidth="1"/>
    <col min="13832" max="13835" width="4.25" style="4" bestFit="1" customWidth="1"/>
    <col min="13836" max="13836" width="4.25" style="4" customWidth="1"/>
    <col min="13837" max="13837" width="4.375" style="4" bestFit="1" customWidth="1"/>
    <col min="13838" max="13838" width="7.25" style="4" bestFit="1" customWidth="1"/>
    <col min="13839" max="13839" width="13.625" style="4" customWidth="1"/>
    <col min="13840" max="14080" width="9" style="4"/>
    <col min="14081" max="14082" width="15.875" style="4" bestFit="1" customWidth="1"/>
    <col min="14083" max="14083" width="4" style="4" customWidth="1"/>
    <col min="14084" max="14084" width="14.25" style="4" bestFit="1" customWidth="1"/>
    <col min="14085" max="14085" width="8.375" style="4" bestFit="1" customWidth="1"/>
    <col min="14086" max="14086" width="18.125" style="4" customWidth="1"/>
    <col min="14087" max="14087" width="7.375" style="4" customWidth="1"/>
    <col min="14088" max="14091" width="4.25" style="4" bestFit="1" customWidth="1"/>
    <col min="14092" max="14092" width="4.25" style="4" customWidth="1"/>
    <col min="14093" max="14093" width="4.375" style="4" bestFit="1" customWidth="1"/>
    <col min="14094" max="14094" width="7.25" style="4" bestFit="1" customWidth="1"/>
    <col min="14095" max="14095" width="13.625" style="4" customWidth="1"/>
    <col min="14096" max="14336" width="9" style="4"/>
    <col min="14337" max="14338" width="15.875" style="4" bestFit="1" customWidth="1"/>
    <col min="14339" max="14339" width="4" style="4" customWidth="1"/>
    <col min="14340" max="14340" width="14.25" style="4" bestFit="1" customWidth="1"/>
    <col min="14341" max="14341" width="8.375" style="4" bestFit="1" customWidth="1"/>
    <col min="14342" max="14342" width="18.125" style="4" customWidth="1"/>
    <col min="14343" max="14343" width="7.375" style="4" customWidth="1"/>
    <col min="14344" max="14347" width="4.25" style="4" bestFit="1" customWidth="1"/>
    <col min="14348" max="14348" width="4.25" style="4" customWidth="1"/>
    <col min="14349" max="14349" width="4.375" style="4" bestFit="1" customWidth="1"/>
    <col min="14350" max="14350" width="7.25" style="4" bestFit="1" customWidth="1"/>
    <col min="14351" max="14351" width="13.625" style="4" customWidth="1"/>
    <col min="14352" max="14592" width="9" style="4"/>
    <col min="14593" max="14594" width="15.875" style="4" bestFit="1" customWidth="1"/>
    <col min="14595" max="14595" width="4" style="4" customWidth="1"/>
    <col min="14596" max="14596" width="14.25" style="4" bestFit="1" customWidth="1"/>
    <col min="14597" max="14597" width="8.375" style="4" bestFit="1" customWidth="1"/>
    <col min="14598" max="14598" width="18.125" style="4" customWidth="1"/>
    <col min="14599" max="14599" width="7.375" style="4" customWidth="1"/>
    <col min="14600" max="14603" width="4.25" style="4" bestFit="1" customWidth="1"/>
    <col min="14604" max="14604" width="4.25" style="4" customWidth="1"/>
    <col min="14605" max="14605" width="4.375" style="4" bestFit="1" customWidth="1"/>
    <col min="14606" max="14606" width="7.25" style="4" bestFit="1" customWidth="1"/>
    <col min="14607" max="14607" width="13.625" style="4" customWidth="1"/>
    <col min="14608" max="14848" width="9" style="4"/>
    <col min="14849" max="14850" width="15.875" style="4" bestFit="1" customWidth="1"/>
    <col min="14851" max="14851" width="4" style="4" customWidth="1"/>
    <col min="14852" max="14852" width="14.25" style="4" bestFit="1" customWidth="1"/>
    <col min="14853" max="14853" width="8.375" style="4" bestFit="1" customWidth="1"/>
    <col min="14854" max="14854" width="18.125" style="4" customWidth="1"/>
    <col min="14855" max="14855" width="7.375" style="4" customWidth="1"/>
    <col min="14856" max="14859" width="4.25" style="4" bestFit="1" customWidth="1"/>
    <col min="14860" max="14860" width="4.25" style="4" customWidth="1"/>
    <col min="14861" max="14861" width="4.375" style="4" bestFit="1" customWidth="1"/>
    <col min="14862" max="14862" width="7.25" style="4" bestFit="1" customWidth="1"/>
    <col min="14863" max="14863" width="13.625" style="4" customWidth="1"/>
    <col min="14864" max="15104" width="9" style="4"/>
    <col min="15105" max="15106" width="15.875" style="4" bestFit="1" customWidth="1"/>
    <col min="15107" max="15107" width="4" style="4" customWidth="1"/>
    <col min="15108" max="15108" width="14.25" style="4" bestFit="1" customWidth="1"/>
    <col min="15109" max="15109" width="8.375" style="4" bestFit="1" customWidth="1"/>
    <col min="15110" max="15110" width="18.125" style="4" customWidth="1"/>
    <col min="15111" max="15111" width="7.375" style="4" customWidth="1"/>
    <col min="15112" max="15115" width="4.25" style="4" bestFit="1" customWidth="1"/>
    <col min="15116" max="15116" width="4.25" style="4" customWidth="1"/>
    <col min="15117" max="15117" width="4.375" style="4" bestFit="1" customWidth="1"/>
    <col min="15118" max="15118" width="7.25" style="4" bestFit="1" customWidth="1"/>
    <col min="15119" max="15119" width="13.625" style="4" customWidth="1"/>
    <col min="15120" max="15360" width="9" style="4"/>
    <col min="15361" max="15362" width="15.875" style="4" bestFit="1" customWidth="1"/>
    <col min="15363" max="15363" width="4" style="4" customWidth="1"/>
    <col min="15364" max="15364" width="14.25" style="4" bestFit="1" customWidth="1"/>
    <col min="15365" max="15365" width="8.375" style="4" bestFit="1" customWidth="1"/>
    <col min="15366" max="15366" width="18.125" style="4" customWidth="1"/>
    <col min="15367" max="15367" width="7.375" style="4" customWidth="1"/>
    <col min="15368" max="15371" width="4.25" style="4" bestFit="1" customWidth="1"/>
    <col min="15372" max="15372" width="4.25" style="4" customWidth="1"/>
    <col min="15373" max="15373" width="4.375" style="4" bestFit="1" customWidth="1"/>
    <col min="15374" max="15374" width="7.25" style="4" bestFit="1" customWidth="1"/>
    <col min="15375" max="15375" width="13.625" style="4" customWidth="1"/>
    <col min="15376" max="15616" width="9" style="4"/>
    <col min="15617" max="15618" width="15.875" style="4" bestFit="1" customWidth="1"/>
    <col min="15619" max="15619" width="4" style="4" customWidth="1"/>
    <col min="15620" max="15620" width="14.25" style="4" bestFit="1" customWidth="1"/>
    <col min="15621" max="15621" width="8.375" style="4" bestFit="1" customWidth="1"/>
    <col min="15622" max="15622" width="18.125" style="4" customWidth="1"/>
    <col min="15623" max="15623" width="7.375" style="4" customWidth="1"/>
    <col min="15624" max="15627" width="4.25" style="4" bestFit="1" customWidth="1"/>
    <col min="15628" max="15628" width="4.25" style="4" customWidth="1"/>
    <col min="15629" max="15629" width="4.375" style="4" bestFit="1" customWidth="1"/>
    <col min="15630" max="15630" width="7.25" style="4" bestFit="1" customWidth="1"/>
    <col min="15631" max="15631" width="13.625" style="4" customWidth="1"/>
    <col min="15632" max="15872" width="9" style="4"/>
    <col min="15873" max="15874" width="15.875" style="4" bestFit="1" customWidth="1"/>
    <col min="15875" max="15875" width="4" style="4" customWidth="1"/>
    <col min="15876" max="15876" width="14.25" style="4" bestFit="1" customWidth="1"/>
    <col min="15877" max="15877" width="8.375" style="4" bestFit="1" customWidth="1"/>
    <col min="15878" max="15878" width="18.125" style="4" customWidth="1"/>
    <col min="15879" max="15879" width="7.375" style="4" customWidth="1"/>
    <col min="15880" max="15883" width="4.25" style="4" bestFit="1" customWidth="1"/>
    <col min="15884" max="15884" width="4.25" style="4" customWidth="1"/>
    <col min="15885" max="15885" width="4.375" style="4" bestFit="1" customWidth="1"/>
    <col min="15886" max="15886" width="7.25" style="4" bestFit="1" customWidth="1"/>
    <col min="15887" max="15887" width="13.625" style="4" customWidth="1"/>
    <col min="15888" max="16128" width="9" style="4"/>
    <col min="16129" max="16130" width="15.875" style="4" bestFit="1" customWidth="1"/>
    <col min="16131" max="16131" width="4" style="4" customWidth="1"/>
    <col min="16132" max="16132" width="14.25" style="4" bestFit="1" customWidth="1"/>
    <col min="16133" max="16133" width="8.375" style="4" bestFit="1" customWidth="1"/>
    <col min="16134" max="16134" width="18.125" style="4" customWidth="1"/>
    <col min="16135" max="16135" width="7.375" style="4" customWidth="1"/>
    <col min="16136" max="16139" width="4.25" style="4" bestFit="1" customWidth="1"/>
    <col min="16140" max="16140" width="4.25" style="4" customWidth="1"/>
    <col min="16141" max="16141" width="4.375" style="4" bestFit="1" customWidth="1"/>
    <col min="16142" max="16142" width="7.25" style="4" bestFit="1" customWidth="1"/>
    <col min="16143" max="16143" width="13.625" style="4" customWidth="1"/>
    <col min="16144" max="16384" width="9" style="4"/>
  </cols>
  <sheetData>
    <row r="1" spans="1:15" ht="11.25" customHeight="1" x14ac:dyDescent="0.15">
      <c r="A1" s="41" t="s">
        <v>97</v>
      </c>
      <c r="B1" s="42"/>
      <c r="C1" s="43"/>
      <c r="D1" s="50" t="s">
        <v>89</v>
      </c>
      <c r="E1" s="2" t="s">
        <v>90</v>
      </c>
      <c r="F1" s="3"/>
    </row>
    <row r="2" spans="1:15" ht="11.25" customHeight="1" x14ac:dyDescent="0.15">
      <c r="A2" s="44"/>
      <c r="B2" s="45"/>
      <c r="C2" s="46"/>
      <c r="D2" s="51"/>
      <c r="E2" s="5" t="s">
        <v>91</v>
      </c>
      <c r="F2" s="6"/>
    </row>
    <row r="3" spans="1:15" ht="15.75" customHeight="1" thickBot="1" x14ac:dyDescent="0.2">
      <c r="A3" s="47"/>
      <c r="B3" s="48"/>
      <c r="C3" s="49"/>
      <c r="D3" s="7" t="s">
        <v>92</v>
      </c>
      <c r="E3" s="7" t="s">
        <v>93</v>
      </c>
      <c r="F3" s="8"/>
    </row>
    <row r="4" spans="1:15" s="10" customFormat="1" x14ac:dyDescent="0.15">
      <c r="A4" s="53" t="s">
        <v>1</v>
      </c>
      <c r="B4" s="50" t="s">
        <v>2</v>
      </c>
      <c r="C4" s="50" t="s">
        <v>61</v>
      </c>
      <c r="D4" s="50" t="s">
        <v>3</v>
      </c>
      <c r="E4" s="50" t="s">
        <v>4</v>
      </c>
      <c r="F4" s="50" t="s">
        <v>5</v>
      </c>
      <c r="G4" s="50" t="s">
        <v>0</v>
      </c>
      <c r="H4" s="50" t="s">
        <v>6</v>
      </c>
      <c r="I4" s="50"/>
      <c r="J4" s="50"/>
      <c r="K4" s="50"/>
      <c r="L4" s="50"/>
      <c r="M4" s="52"/>
      <c r="N4" s="55" t="s">
        <v>7</v>
      </c>
      <c r="O4" s="9" t="s">
        <v>8</v>
      </c>
    </row>
    <row r="5" spans="1:15" s="10" customFormat="1" x14ac:dyDescent="0.15">
      <c r="A5" s="54"/>
      <c r="B5" s="51"/>
      <c r="C5" s="51"/>
      <c r="D5" s="51"/>
      <c r="E5" s="51"/>
      <c r="F5" s="51"/>
      <c r="G5" s="51"/>
      <c r="H5" s="40" t="s">
        <v>9</v>
      </c>
      <c r="I5" s="40" t="s">
        <v>10</v>
      </c>
      <c r="J5" s="40" t="s">
        <v>11</v>
      </c>
      <c r="K5" s="40" t="s">
        <v>12</v>
      </c>
      <c r="L5" s="11" t="s">
        <v>13</v>
      </c>
      <c r="M5" s="12" t="s">
        <v>14</v>
      </c>
      <c r="N5" s="56"/>
      <c r="O5" s="13" t="s">
        <v>15</v>
      </c>
    </row>
    <row r="6" spans="1:15" s="21" customFormat="1" ht="72" customHeight="1" x14ac:dyDescent="0.15">
      <c r="A6" s="14" t="s">
        <v>16</v>
      </c>
      <c r="B6" s="15" t="s">
        <v>62</v>
      </c>
      <c r="C6" s="16" t="s">
        <v>17</v>
      </c>
      <c r="D6" s="15" t="s">
        <v>98</v>
      </c>
      <c r="E6" s="15" t="s">
        <v>103</v>
      </c>
      <c r="F6" s="15" t="s">
        <v>114</v>
      </c>
      <c r="G6" s="15" t="s">
        <v>18</v>
      </c>
      <c r="H6" s="17">
        <v>140</v>
      </c>
      <c r="I6" s="17">
        <v>0</v>
      </c>
      <c r="J6" s="17">
        <v>0</v>
      </c>
      <c r="K6" s="17">
        <v>0</v>
      </c>
      <c r="L6" s="17">
        <v>0</v>
      </c>
      <c r="M6" s="18">
        <f t="shared" ref="M6:M15" si="0">SUM(H6:L6)</f>
        <v>140</v>
      </c>
      <c r="N6" s="19" t="s">
        <v>19</v>
      </c>
      <c r="O6" s="20" t="s">
        <v>115</v>
      </c>
    </row>
    <row r="7" spans="1:15" ht="69.75" customHeight="1" x14ac:dyDescent="0.15">
      <c r="A7" s="14" t="s">
        <v>63</v>
      </c>
      <c r="B7" s="15" t="s">
        <v>64</v>
      </c>
      <c r="C7" s="16" t="s">
        <v>20</v>
      </c>
      <c r="D7" s="15" t="s">
        <v>21</v>
      </c>
      <c r="E7" s="15" t="s">
        <v>113</v>
      </c>
      <c r="F7" s="15" t="s">
        <v>128</v>
      </c>
      <c r="G7" s="15" t="s">
        <v>22</v>
      </c>
      <c r="H7" s="17">
        <v>248</v>
      </c>
      <c r="I7" s="17">
        <v>0</v>
      </c>
      <c r="J7" s="17">
        <v>0</v>
      </c>
      <c r="K7" s="17">
        <v>0</v>
      </c>
      <c r="L7" s="17">
        <v>0</v>
      </c>
      <c r="M7" s="18">
        <f t="shared" si="0"/>
        <v>248</v>
      </c>
      <c r="N7" s="19" t="s">
        <v>23</v>
      </c>
      <c r="O7" s="20" t="s">
        <v>120</v>
      </c>
    </row>
    <row r="8" spans="1:15" ht="30" customHeight="1" x14ac:dyDescent="0.15">
      <c r="A8" s="14" t="s">
        <v>24</v>
      </c>
      <c r="B8" s="15" t="s">
        <v>25</v>
      </c>
      <c r="C8" s="16" t="s">
        <v>65</v>
      </c>
      <c r="D8" s="15" t="s">
        <v>129</v>
      </c>
      <c r="E8" s="15" t="s">
        <v>94</v>
      </c>
      <c r="F8" s="15" t="s">
        <v>118</v>
      </c>
      <c r="G8" s="15" t="s">
        <v>66</v>
      </c>
      <c r="H8" s="17">
        <v>0</v>
      </c>
      <c r="I8" s="17">
        <v>136</v>
      </c>
      <c r="J8" s="17">
        <v>0</v>
      </c>
      <c r="K8" s="17">
        <v>0</v>
      </c>
      <c r="L8" s="17">
        <v>0</v>
      </c>
      <c r="M8" s="18">
        <f t="shared" si="0"/>
        <v>136</v>
      </c>
      <c r="N8" s="19" t="s">
        <v>67</v>
      </c>
      <c r="O8" s="20"/>
    </row>
    <row r="9" spans="1:15" ht="62.25" customHeight="1" x14ac:dyDescent="0.15">
      <c r="A9" s="22" t="s">
        <v>117</v>
      </c>
      <c r="B9" s="23" t="s">
        <v>68</v>
      </c>
      <c r="C9" s="24" t="s">
        <v>26</v>
      </c>
      <c r="D9" s="23" t="s">
        <v>99</v>
      </c>
      <c r="E9" s="23" t="s">
        <v>27</v>
      </c>
      <c r="F9" s="23" t="s">
        <v>126</v>
      </c>
      <c r="G9" s="23" t="s">
        <v>28</v>
      </c>
      <c r="H9" s="25">
        <v>109</v>
      </c>
      <c r="I9" s="25">
        <v>0</v>
      </c>
      <c r="J9" s="25">
        <v>0</v>
      </c>
      <c r="K9" s="25">
        <v>0</v>
      </c>
      <c r="L9" s="25">
        <v>0</v>
      </c>
      <c r="M9" s="26">
        <f t="shared" si="0"/>
        <v>109</v>
      </c>
      <c r="N9" s="27" t="s">
        <v>69</v>
      </c>
      <c r="O9" s="39" t="s">
        <v>131</v>
      </c>
    </row>
    <row r="10" spans="1:15" ht="30" customHeight="1" x14ac:dyDescent="0.15">
      <c r="A10" s="14" t="s">
        <v>70</v>
      </c>
      <c r="B10" s="15" t="s">
        <v>71</v>
      </c>
      <c r="C10" s="16" t="s">
        <v>29</v>
      </c>
      <c r="D10" s="15" t="s">
        <v>30</v>
      </c>
      <c r="E10" s="15" t="s">
        <v>72</v>
      </c>
      <c r="F10" s="15" t="s">
        <v>101</v>
      </c>
      <c r="G10" s="15" t="s">
        <v>31</v>
      </c>
      <c r="H10" s="17">
        <v>0</v>
      </c>
      <c r="I10" s="17">
        <v>0</v>
      </c>
      <c r="J10" s="17">
        <v>250</v>
      </c>
      <c r="K10" s="17">
        <v>0</v>
      </c>
      <c r="L10" s="17">
        <v>0</v>
      </c>
      <c r="M10" s="18">
        <f t="shared" si="0"/>
        <v>250</v>
      </c>
      <c r="N10" s="19" t="s">
        <v>32</v>
      </c>
      <c r="O10" s="20"/>
    </row>
    <row r="11" spans="1:15" ht="93" customHeight="1" x14ac:dyDescent="0.15">
      <c r="A11" s="14" t="s">
        <v>33</v>
      </c>
      <c r="B11" s="15" t="s">
        <v>73</v>
      </c>
      <c r="C11" s="16" t="s">
        <v>96</v>
      </c>
      <c r="D11" s="15" t="s">
        <v>34</v>
      </c>
      <c r="E11" s="15" t="s">
        <v>127</v>
      </c>
      <c r="F11" s="15" t="s">
        <v>121</v>
      </c>
      <c r="G11" s="15" t="s">
        <v>35</v>
      </c>
      <c r="H11" s="17">
        <v>403</v>
      </c>
      <c r="I11" s="17">
        <v>0</v>
      </c>
      <c r="J11" s="17">
        <v>0</v>
      </c>
      <c r="K11" s="17">
        <v>0</v>
      </c>
      <c r="L11" s="17">
        <v>0</v>
      </c>
      <c r="M11" s="18">
        <f t="shared" si="0"/>
        <v>403</v>
      </c>
      <c r="N11" s="19" t="s">
        <v>36</v>
      </c>
      <c r="O11" s="20" t="s">
        <v>132</v>
      </c>
    </row>
    <row r="12" spans="1:15" ht="50.65" customHeight="1" x14ac:dyDescent="0.15">
      <c r="A12" s="14" t="s">
        <v>74</v>
      </c>
      <c r="B12" s="15" t="s">
        <v>75</v>
      </c>
      <c r="C12" s="16" t="s">
        <v>37</v>
      </c>
      <c r="D12" s="15" t="s">
        <v>38</v>
      </c>
      <c r="E12" s="15" t="s">
        <v>76</v>
      </c>
      <c r="F12" s="15" t="s">
        <v>122</v>
      </c>
      <c r="G12" s="15" t="s">
        <v>39</v>
      </c>
      <c r="H12" s="17">
        <v>171</v>
      </c>
      <c r="I12" s="17">
        <v>0</v>
      </c>
      <c r="J12" s="17">
        <v>0</v>
      </c>
      <c r="K12" s="17">
        <v>0</v>
      </c>
      <c r="L12" s="17">
        <v>0</v>
      </c>
      <c r="M12" s="18">
        <f t="shared" si="0"/>
        <v>171</v>
      </c>
      <c r="N12" s="19" t="s">
        <v>40</v>
      </c>
      <c r="O12" s="20" t="s">
        <v>133</v>
      </c>
    </row>
    <row r="13" spans="1:15" ht="30" customHeight="1" x14ac:dyDescent="0.15">
      <c r="A13" s="14" t="s">
        <v>41</v>
      </c>
      <c r="B13" s="15" t="s">
        <v>77</v>
      </c>
      <c r="C13" s="16" t="s">
        <v>42</v>
      </c>
      <c r="D13" s="15" t="s">
        <v>43</v>
      </c>
      <c r="E13" s="15" t="s">
        <v>104</v>
      </c>
      <c r="F13" s="15" t="s">
        <v>44</v>
      </c>
      <c r="G13" s="15" t="s">
        <v>45</v>
      </c>
      <c r="H13" s="17">
        <v>51</v>
      </c>
      <c r="I13" s="17">
        <v>0</v>
      </c>
      <c r="J13" s="17">
        <v>0</v>
      </c>
      <c r="K13" s="17">
        <v>0</v>
      </c>
      <c r="L13" s="17">
        <v>0</v>
      </c>
      <c r="M13" s="18">
        <f t="shared" si="0"/>
        <v>51</v>
      </c>
      <c r="N13" s="19" t="s">
        <v>46</v>
      </c>
      <c r="O13" s="20"/>
    </row>
    <row r="14" spans="1:15" ht="30" customHeight="1" x14ac:dyDescent="0.15">
      <c r="A14" s="14" t="s">
        <v>78</v>
      </c>
      <c r="B14" s="15" t="s">
        <v>79</v>
      </c>
      <c r="C14" s="16" t="s">
        <v>80</v>
      </c>
      <c r="D14" s="15" t="s">
        <v>47</v>
      </c>
      <c r="E14" s="15" t="s">
        <v>95</v>
      </c>
      <c r="F14" s="15" t="s">
        <v>100</v>
      </c>
      <c r="G14" s="15" t="s">
        <v>48</v>
      </c>
      <c r="H14" s="17">
        <v>99</v>
      </c>
      <c r="I14" s="17">
        <v>0</v>
      </c>
      <c r="J14" s="17">
        <v>0</v>
      </c>
      <c r="K14" s="17">
        <v>0</v>
      </c>
      <c r="L14" s="17">
        <v>0</v>
      </c>
      <c r="M14" s="18">
        <f t="shared" si="0"/>
        <v>99</v>
      </c>
      <c r="N14" s="19" t="s">
        <v>81</v>
      </c>
      <c r="O14" s="20" t="s">
        <v>131</v>
      </c>
    </row>
    <row r="15" spans="1:15" ht="36.4" customHeight="1" thickBot="1" x14ac:dyDescent="0.2">
      <c r="A15" s="28" t="s">
        <v>82</v>
      </c>
      <c r="B15" s="29" t="s">
        <v>112</v>
      </c>
      <c r="C15" s="30" t="s">
        <v>116</v>
      </c>
      <c r="D15" s="29" t="s">
        <v>83</v>
      </c>
      <c r="E15" s="29" t="s">
        <v>110</v>
      </c>
      <c r="F15" s="29" t="s">
        <v>102</v>
      </c>
      <c r="G15" s="29" t="s">
        <v>49</v>
      </c>
      <c r="H15" s="31">
        <v>108</v>
      </c>
      <c r="I15" s="31">
        <v>60</v>
      </c>
      <c r="J15" s="31">
        <v>0</v>
      </c>
      <c r="K15" s="31">
        <v>0</v>
      </c>
      <c r="L15" s="31">
        <v>0</v>
      </c>
      <c r="M15" s="32">
        <f t="shared" si="0"/>
        <v>168</v>
      </c>
      <c r="N15" s="33" t="s">
        <v>50</v>
      </c>
      <c r="O15" s="34" t="s">
        <v>131</v>
      </c>
    </row>
    <row r="16" spans="1:15" ht="11.25" customHeight="1" thickBot="1" x14ac:dyDescent="0.2">
      <c r="A16" s="35"/>
      <c r="B16" s="35"/>
      <c r="C16" s="36"/>
      <c r="D16" s="35"/>
      <c r="E16" s="35"/>
      <c r="F16" s="35"/>
      <c r="G16" s="35"/>
      <c r="H16" s="37"/>
      <c r="I16" s="37"/>
      <c r="J16" s="37"/>
      <c r="K16" s="37"/>
      <c r="L16" s="37"/>
      <c r="M16" s="37"/>
      <c r="N16" s="38"/>
      <c r="O16" s="35"/>
    </row>
    <row r="17" spans="1:15" s="10" customFormat="1" x14ac:dyDescent="0.15">
      <c r="A17" s="53" t="s">
        <v>1</v>
      </c>
      <c r="B17" s="50" t="s">
        <v>2</v>
      </c>
      <c r="C17" s="50" t="s">
        <v>61</v>
      </c>
      <c r="D17" s="50" t="s">
        <v>3</v>
      </c>
      <c r="E17" s="50" t="s">
        <v>4</v>
      </c>
      <c r="F17" s="50" t="s">
        <v>5</v>
      </c>
      <c r="G17" s="50" t="s">
        <v>0</v>
      </c>
      <c r="H17" s="50" t="s">
        <v>6</v>
      </c>
      <c r="I17" s="50"/>
      <c r="J17" s="50"/>
      <c r="K17" s="50"/>
      <c r="L17" s="50"/>
      <c r="M17" s="52"/>
      <c r="N17" s="55" t="s">
        <v>7</v>
      </c>
      <c r="O17" s="9" t="s">
        <v>8</v>
      </c>
    </row>
    <row r="18" spans="1:15" s="10" customFormat="1" x14ac:dyDescent="0.15">
      <c r="A18" s="54"/>
      <c r="B18" s="51"/>
      <c r="C18" s="51"/>
      <c r="D18" s="51"/>
      <c r="E18" s="51"/>
      <c r="F18" s="51"/>
      <c r="G18" s="51"/>
      <c r="H18" s="40" t="s">
        <v>9</v>
      </c>
      <c r="I18" s="40" t="s">
        <v>10</v>
      </c>
      <c r="J18" s="40" t="s">
        <v>11</v>
      </c>
      <c r="K18" s="40" t="s">
        <v>12</v>
      </c>
      <c r="L18" s="11" t="s">
        <v>13</v>
      </c>
      <c r="M18" s="12" t="s">
        <v>14</v>
      </c>
      <c r="N18" s="56"/>
      <c r="O18" s="13" t="s">
        <v>15</v>
      </c>
    </row>
    <row r="19" spans="1:15" ht="26.1" customHeight="1" x14ac:dyDescent="0.15">
      <c r="A19" s="1" t="s">
        <v>51</v>
      </c>
      <c r="B19" s="15"/>
      <c r="C19" s="16"/>
      <c r="D19" s="15"/>
      <c r="E19" s="15"/>
      <c r="F19" s="15"/>
      <c r="G19" s="15"/>
      <c r="H19" s="17"/>
      <c r="I19" s="17"/>
      <c r="J19" s="17"/>
      <c r="K19" s="17"/>
      <c r="L19" s="17"/>
      <c r="M19" s="18"/>
      <c r="N19" s="19"/>
      <c r="O19" s="20"/>
    </row>
    <row r="20" spans="1:15" ht="43.9" customHeight="1" x14ac:dyDescent="0.15">
      <c r="A20" s="14" t="s">
        <v>52</v>
      </c>
      <c r="B20" s="15" t="s">
        <v>84</v>
      </c>
      <c r="C20" s="16" t="s">
        <v>53</v>
      </c>
      <c r="D20" s="15" t="s">
        <v>34</v>
      </c>
      <c r="E20" s="15" t="s">
        <v>119</v>
      </c>
      <c r="F20" s="15" t="s">
        <v>54</v>
      </c>
      <c r="G20" s="15" t="s">
        <v>85</v>
      </c>
      <c r="H20" s="17">
        <v>0</v>
      </c>
      <c r="I20" s="17">
        <v>0</v>
      </c>
      <c r="J20" s="17">
        <v>0</v>
      </c>
      <c r="K20" s="17">
        <v>0</v>
      </c>
      <c r="L20" s="17">
        <v>0</v>
      </c>
      <c r="M20" s="18">
        <f>SUM(H20:L20)</f>
        <v>0</v>
      </c>
      <c r="N20" s="19" t="s">
        <v>55</v>
      </c>
      <c r="O20" s="20"/>
    </row>
    <row r="21" spans="1:15" ht="43.9" customHeight="1" x14ac:dyDescent="0.15">
      <c r="A21" s="14" t="s">
        <v>123</v>
      </c>
      <c r="B21" s="15" t="s">
        <v>86</v>
      </c>
      <c r="C21" s="16" t="s">
        <v>29</v>
      </c>
      <c r="D21" s="15" t="s">
        <v>111</v>
      </c>
      <c r="E21" s="15" t="s">
        <v>108</v>
      </c>
      <c r="F21" s="15" t="s">
        <v>56</v>
      </c>
      <c r="G21" s="15" t="s">
        <v>57</v>
      </c>
      <c r="H21" s="17">
        <v>0</v>
      </c>
      <c r="I21" s="17">
        <v>0</v>
      </c>
      <c r="J21" s="17">
        <v>0</v>
      </c>
      <c r="K21" s="17">
        <v>0</v>
      </c>
      <c r="L21" s="17">
        <v>0</v>
      </c>
      <c r="M21" s="18">
        <f>SUM(H21:L21)</f>
        <v>0</v>
      </c>
      <c r="N21" s="19" t="s">
        <v>58</v>
      </c>
      <c r="O21" s="20"/>
    </row>
    <row r="22" spans="1:15" ht="43.9" customHeight="1" x14ac:dyDescent="0.15">
      <c r="A22" s="14" t="s">
        <v>124</v>
      </c>
      <c r="B22" s="15" t="s">
        <v>106</v>
      </c>
      <c r="C22" s="16" t="s">
        <v>87</v>
      </c>
      <c r="D22" s="15" t="s">
        <v>88</v>
      </c>
      <c r="E22" s="15" t="s">
        <v>109</v>
      </c>
      <c r="F22" s="15" t="s">
        <v>54</v>
      </c>
      <c r="G22" s="15" t="s">
        <v>59</v>
      </c>
      <c r="H22" s="17">
        <v>0</v>
      </c>
      <c r="I22" s="17">
        <v>0</v>
      </c>
      <c r="J22" s="17">
        <v>0</v>
      </c>
      <c r="K22" s="17">
        <v>0</v>
      </c>
      <c r="L22" s="17">
        <v>0</v>
      </c>
      <c r="M22" s="18">
        <f>SUM(H22:L22)</f>
        <v>0</v>
      </c>
      <c r="N22" s="19" t="s">
        <v>107</v>
      </c>
      <c r="O22" s="20"/>
    </row>
    <row r="23" spans="1:15" ht="43.9" customHeight="1" thickBot="1" x14ac:dyDescent="0.2">
      <c r="A23" s="28" t="s">
        <v>125</v>
      </c>
      <c r="B23" s="29" t="s">
        <v>105</v>
      </c>
      <c r="C23" s="30" t="s">
        <v>87</v>
      </c>
      <c r="D23" s="29" t="s">
        <v>111</v>
      </c>
      <c r="E23" s="29" t="s">
        <v>130</v>
      </c>
      <c r="F23" s="29" t="s">
        <v>56</v>
      </c>
      <c r="G23" s="29" t="s">
        <v>60</v>
      </c>
      <c r="H23" s="31">
        <v>0</v>
      </c>
      <c r="I23" s="31">
        <v>0</v>
      </c>
      <c r="J23" s="31">
        <v>0</v>
      </c>
      <c r="K23" s="31">
        <v>0</v>
      </c>
      <c r="L23" s="31">
        <v>0</v>
      </c>
      <c r="M23" s="32">
        <f>SUM(H23:L23)</f>
        <v>0</v>
      </c>
      <c r="N23" s="33" t="s">
        <v>107</v>
      </c>
      <c r="O23" s="34"/>
    </row>
    <row r="24" spans="1:15" ht="26.1" customHeight="1" x14ac:dyDescent="0.15"/>
  </sheetData>
  <mergeCells count="20">
    <mergeCell ref="N17:N18"/>
    <mergeCell ref="F4:F5"/>
    <mergeCell ref="G4:G5"/>
    <mergeCell ref="H4:M4"/>
    <mergeCell ref="N4:N5"/>
    <mergeCell ref="F17:F18"/>
    <mergeCell ref="A1:C3"/>
    <mergeCell ref="D1:D2"/>
    <mergeCell ref="E17:E18"/>
    <mergeCell ref="G17:G18"/>
    <mergeCell ref="H17:M17"/>
    <mergeCell ref="E4:E5"/>
    <mergeCell ref="A17:A18"/>
    <mergeCell ref="B17:B18"/>
    <mergeCell ref="C17:C18"/>
    <mergeCell ref="D17:D18"/>
    <mergeCell ref="A4:A5"/>
    <mergeCell ref="B4:B5"/>
    <mergeCell ref="C4:C5"/>
    <mergeCell ref="D4:D5"/>
  </mergeCells>
  <phoneticPr fontId="2"/>
  <pageMargins left="0.98425196850393704" right="0.59055118110236227" top="0.78740157480314965" bottom="0.70866141732283472" header="0.51181102362204722" footer="0.43307086614173229"/>
  <pageSetup paperSize="9" scale="92" firstPageNumber="57" fitToHeight="0" orientation="landscape" useFirstPageNumber="1" r:id="rId1"/>
  <headerFooter alignWithMargins="0">
    <oddFooter>&amp;C- &amp;P -</oddFooter>
  </headerFooter>
  <rowBreaks count="2" manualBreakCount="2">
    <brk id="15" max="16383" man="1"/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和センター</vt:lpstr>
      <vt:lpstr>大和センター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6-30T02:15:30Z</cp:lastPrinted>
  <dcterms:created xsi:type="dcterms:W3CDTF">2014-03-18T00:57:01Z</dcterms:created>
  <dcterms:modified xsi:type="dcterms:W3CDTF">2023-07-04T05:14:01Z</dcterms:modified>
</cp:coreProperties>
</file>